
<file path=[Content_Types].xml><?xml version="1.0" encoding="utf-8"?>
<Types xmlns="http://schemas.openxmlformats.org/package/2006/content-types">
  <Default Extension="jpeg" ContentType="image/jpeg"/>
  <Default Extension="jp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ppt/tags/tag41.xml" ContentType="application/vnd.openxmlformats-officedocument.presentationml.tags+xml"/>
  <Override PartName="/ppt/notesSlides/notesSlide40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4"/>
  </p:sldMasterIdLst>
  <p:notesMasterIdLst>
    <p:notesMasterId r:id="rId45"/>
  </p:notesMasterIdLst>
  <p:sldIdLst>
    <p:sldId id="257" r:id="rId5"/>
    <p:sldId id="288" r:id="rId6"/>
    <p:sldId id="484" r:id="rId7"/>
    <p:sldId id="453" r:id="rId8"/>
    <p:sldId id="454" r:id="rId9"/>
    <p:sldId id="455" r:id="rId10"/>
    <p:sldId id="456" r:id="rId11"/>
    <p:sldId id="457" r:id="rId12"/>
    <p:sldId id="458" r:id="rId13"/>
    <p:sldId id="473" r:id="rId14"/>
    <p:sldId id="475" r:id="rId15"/>
    <p:sldId id="485" r:id="rId16"/>
    <p:sldId id="459" r:id="rId17"/>
    <p:sldId id="474" r:id="rId18"/>
    <p:sldId id="460" r:id="rId19"/>
    <p:sldId id="463" r:id="rId20"/>
    <p:sldId id="464" r:id="rId21"/>
    <p:sldId id="465" r:id="rId22"/>
    <p:sldId id="461" r:id="rId23"/>
    <p:sldId id="466" r:id="rId24"/>
    <p:sldId id="462" r:id="rId25"/>
    <p:sldId id="467" r:id="rId26"/>
    <p:sldId id="468" r:id="rId27"/>
    <p:sldId id="488" r:id="rId28"/>
    <p:sldId id="483" r:id="rId29"/>
    <p:sldId id="482" r:id="rId30"/>
    <p:sldId id="486" r:id="rId31"/>
    <p:sldId id="487" r:id="rId32"/>
    <p:sldId id="469" r:id="rId33"/>
    <p:sldId id="470" r:id="rId34"/>
    <p:sldId id="471" r:id="rId35"/>
    <p:sldId id="472" r:id="rId36"/>
    <p:sldId id="476" r:id="rId37"/>
    <p:sldId id="478" r:id="rId38"/>
    <p:sldId id="479" r:id="rId39"/>
    <p:sldId id="303" r:id="rId40"/>
    <p:sldId id="480" r:id="rId41"/>
    <p:sldId id="481" r:id="rId42"/>
    <p:sldId id="258" r:id="rId43"/>
    <p:sldId id="357" r:id="rId44"/>
  </p:sldIdLst>
  <p:sldSz cx="12192000" cy="6858000"/>
  <p:notesSz cx="6858000" cy="9144000"/>
  <p:custDataLst>
    <p:tags r:id="rId46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194B62E-68AC-7236-2B4B-766CFD8886B7}" name="Sofie Yuen" initials="SY" userId="S::sofie.yuen@pearson.com::72157fb7-e6e5-4f6c-bcaa-db8579f810c8" providerId="AD"/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  <p188:author id="{B32483BF-1D69-D002-7850-B54DFB38C7CF}" name="Cherry Leung" initials="CL" userId="S::Cherry.Leung@Pearson.com::712344c0-9897-4cc1-974c-49580c486c23" providerId="AD"/>
</p188:authorLst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Wendy So" initials="WS" lastIdx="14" clrIdx="0">
    <p:extLst>
      <p:ext uri="{19B8F6BF-5375-455C-9EA6-DF929625EA0E}">
        <p15:presenceInfo xmlns:p15="http://schemas.microsoft.com/office/powerpoint/2012/main" userId="S::wendy.so@pearson.com::d80f3c79-4e49-461a-8c26-d65e0df09a66" providerId="AD"/>
      </p:ext>
    </p:extLst>
  </p:cmAuthor>
  <p:cmAuthor id="2" name="Catherine Leung" initials="CL" lastIdx="1" clrIdx="1">
    <p:extLst>
      <p:ext uri="{19B8F6BF-5375-455C-9EA6-DF929625EA0E}">
        <p15:presenceInfo xmlns:p15="http://schemas.microsoft.com/office/powerpoint/2012/main" userId="S::Catherine.Leung@Pearson.com::dabd965c-b78d-4221-bc96-18215785a5a0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ED00"/>
    <a:srgbClr val="FF0000"/>
    <a:srgbClr val="009D3D"/>
    <a:srgbClr val="FFFAEB"/>
    <a:srgbClr val="DDFFEC"/>
    <a:srgbClr val="00AB4D"/>
    <a:srgbClr val="3591CB"/>
    <a:srgbClr val="18A74B"/>
    <a:srgbClr val="EF4859"/>
    <a:srgbClr val="E9D90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06B3D5C8-C192-4A99-98FB-7EA3D7C360CF}" v="4" dt="2025-10-10T01:15:08.495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39" d="100"/>
          <a:sy n="139" d="100"/>
        </p:scale>
        <p:origin x="138" y="58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9" Type="http://schemas.openxmlformats.org/officeDocument/2006/relationships/slide" Target="slides/slide35.xml"/><Relationship Id="rId21" Type="http://schemas.openxmlformats.org/officeDocument/2006/relationships/slide" Target="slides/slide17.xml"/><Relationship Id="rId34" Type="http://schemas.openxmlformats.org/officeDocument/2006/relationships/slide" Target="slides/slide30.xml"/><Relationship Id="rId42" Type="http://schemas.openxmlformats.org/officeDocument/2006/relationships/slide" Target="slides/slide38.xml"/><Relationship Id="rId47" Type="http://schemas.openxmlformats.org/officeDocument/2006/relationships/commentAuthors" Target="commentAuthors.xml"/><Relationship Id="rId50" Type="http://schemas.openxmlformats.org/officeDocument/2006/relationships/theme" Target="theme/theme1.xml"/><Relationship Id="rId7" Type="http://schemas.openxmlformats.org/officeDocument/2006/relationships/slide" Target="slides/slide3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40" Type="http://schemas.openxmlformats.org/officeDocument/2006/relationships/slide" Target="slides/slide36.xml"/><Relationship Id="rId45" Type="http://schemas.openxmlformats.org/officeDocument/2006/relationships/notesMaster" Target="notesMasters/notesMaster1.xml"/><Relationship Id="rId53" Type="http://schemas.microsoft.com/office/2015/10/relationships/revisionInfo" Target="revisionInfo.xml"/><Relationship Id="rId5" Type="http://schemas.openxmlformats.org/officeDocument/2006/relationships/slide" Target="slides/slide1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31" Type="http://schemas.openxmlformats.org/officeDocument/2006/relationships/slide" Target="slides/slide27.xml"/><Relationship Id="rId44" Type="http://schemas.openxmlformats.org/officeDocument/2006/relationships/slide" Target="slides/slide40.xml"/><Relationship Id="rId52" Type="http://schemas.microsoft.com/office/2016/11/relationships/changesInfo" Target="changesInfos/changesInfo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slide" Target="slides/slide39.xml"/><Relationship Id="rId48" Type="http://schemas.openxmlformats.org/officeDocument/2006/relationships/presProps" Target="presProps.xml"/><Relationship Id="rId8" Type="http://schemas.openxmlformats.org/officeDocument/2006/relationships/slide" Target="slides/slide4.xml"/><Relationship Id="rId51" Type="http://schemas.openxmlformats.org/officeDocument/2006/relationships/tableStyles" Target="tableStyles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tags" Target="tags/tag1.xml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54" Type="http://schemas.microsoft.com/office/2018/10/relationships/authors" Target="author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openxmlformats.org/officeDocument/2006/relationships/viewProps" Target="viewProp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Catherine Leung" userId="dabd965c-b78d-4221-bc96-18215785a5a0" providerId="ADAL" clId="{06B3D5C8-C192-4A99-98FB-7EA3D7C360CF}"/>
    <pc:docChg chg="modMainMaster">
      <pc:chgData name="Catherine Leung" userId="dabd965c-b78d-4221-bc96-18215785a5a0" providerId="ADAL" clId="{06B3D5C8-C192-4A99-98FB-7EA3D7C360CF}" dt="2025-10-10T01:15:08.495" v="3" actId="165"/>
      <pc:docMkLst>
        <pc:docMk/>
      </pc:docMkLst>
      <pc:sldMasterChg chg="modSldLayout">
        <pc:chgData name="Catherine Leung" userId="dabd965c-b78d-4221-bc96-18215785a5a0" providerId="ADAL" clId="{06B3D5C8-C192-4A99-98FB-7EA3D7C360CF}" dt="2025-10-10T01:15:08.495" v="3" actId="165"/>
        <pc:sldMasterMkLst>
          <pc:docMk/>
          <pc:sldMasterMk cId="2460954070" sldId="2147483660"/>
        </pc:sldMasterMkLst>
        <pc:sldLayoutChg chg="addSp delSp modSp">
          <pc:chgData name="Catherine Leung" userId="dabd965c-b78d-4221-bc96-18215785a5a0" providerId="ADAL" clId="{06B3D5C8-C192-4A99-98FB-7EA3D7C360CF}" dt="2025-10-10T01:15:08.495" v="3" actId="165"/>
          <pc:sldLayoutMkLst>
            <pc:docMk/>
            <pc:sldMasterMk cId="2460954070" sldId="2147483660"/>
            <pc:sldLayoutMk cId="3789527896" sldId="2147483672"/>
          </pc:sldLayoutMkLst>
          <pc:spChg chg="mod topLvl">
            <ac:chgData name="Catherine Leung" userId="dabd965c-b78d-4221-bc96-18215785a5a0" providerId="ADAL" clId="{06B3D5C8-C192-4A99-98FB-7EA3D7C360CF}" dt="2025-10-10T01:15:08.495" v="3" actId="165"/>
            <ac:spMkLst>
              <pc:docMk/>
              <pc:sldMasterMk cId="2460954070" sldId="2147483660"/>
              <pc:sldLayoutMk cId="3789527896" sldId="2147483672"/>
              <ac:spMk id="5" creationId="{34B6C924-48A5-3842-FFEC-81CF2B93F960}"/>
            </ac:spMkLst>
          </pc:spChg>
          <pc:spChg chg="mod">
            <ac:chgData name="Catherine Leung" userId="dabd965c-b78d-4221-bc96-18215785a5a0" providerId="ADAL" clId="{06B3D5C8-C192-4A99-98FB-7EA3D7C360CF}" dt="2025-10-10T01:15:08.495" v="3" actId="165"/>
            <ac:spMkLst>
              <pc:docMk/>
              <pc:sldMasterMk cId="2460954070" sldId="2147483660"/>
              <pc:sldLayoutMk cId="3789527896" sldId="2147483672"/>
              <ac:spMk id="8" creationId="{05FB29D6-CA44-4790-4D0D-A1927DC4B3A0}"/>
            </ac:spMkLst>
          </pc:spChg>
          <pc:spChg chg="mod">
            <ac:chgData name="Catherine Leung" userId="dabd965c-b78d-4221-bc96-18215785a5a0" providerId="ADAL" clId="{06B3D5C8-C192-4A99-98FB-7EA3D7C360CF}" dt="2025-10-10T01:15:08.495" v="3" actId="165"/>
            <ac:spMkLst>
              <pc:docMk/>
              <pc:sldMasterMk cId="2460954070" sldId="2147483660"/>
              <pc:sldLayoutMk cId="3789527896" sldId="2147483672"/>
              <ac:spMk id="9" creationId="{9ADCF167-2EE2-BA63-FFB0-D6AC4DB557D4}"/>
            </ac:spMkLst>
          </pc:spChg>
          <pc:grpChg chg="add del mod">
            <ac:chgData name="Catherine Leung" userId="dabd965c-b78d-4221-bc96-18215785a5a0" providerId="ADAL" clId="{06B3D5C8-C192-4A99-98FB-7EA3D7C360CF}" dt="2025-10-10T01:15:08.495" v="3" actId="165"/>
            <ac:grpSpMkLst>
              <pc:docMk/>
              <pc:sldMasterMk cId="2460954070" sldId="2147483660"/>
              <pc:sldLayoutMk cId="3789527896" sldId="2147483672"/>
              <ac:grpSpMk id="4" creationId="{491EC532-FAD8-D4BC-B978-9F9A25BF1549}"/>
            </ac:grpSpMkLst>
          </pc:grpChg>
          <pc:grpChg chg="mod topLvl">
            <ac:chgData name="Catherine Leung" userId="dabd965c-b78d-4221-bc96-18215785a5a0" providerId="ADAL" clId="{06B3D5C8-C192-4A99-98FB-7EA3D7C360CF}" dt="2025-10-10T01:15:08.495" v="3" actId="165"/>
            <ac:grpSpMkLst>
              <pc:docMk/>
              <pc:sldMasterMk cId="2460954070" sldId="2147483660"/>
              <pc:sldLayoutMk cId="3789527896" sldId="2147483672"/>
              <ac:grpSpMk id="6" creationId="{A3BFDC8F-1030-1431-8A00-5D9A741C7CB3}"/>
            </ac:grpSpMkLst>
          </pc:grpChg>
          <pc:grpChg chg="add mod">
            <ac:chgData name="Catherine Leung" userId="dabd965c-b78d-4221-bc96-18215785a5a0" providerId="ADAL" clId="{06B3D5C8-C192-4A99-98FB-7EA3D7C360CF}" dt="2025-10-10T01:15:08.052" v="2" actId="164"/>
            <ac:grpSpMkLst>
              <pc:docMk/>
              <pc:sldMasterMk cId="2460954070" sldId="2147483660"/>
              <pc:sldLayoutMk cId="3789527896" sldId="2147483672"/>
              <ac:grpSpMk id="12" creationId="{B5ADEEFB-1C61-5ADC-80C8-32AE1BAD6A10}"/>
            </ac:grpSpMkLst>
          </pc:grpChg>
          <pc:picChg chg="mod">
            <ac:chgData name="Catherine Leung" userId="dabd965c-b78d-4221-bc96-18215785a5a0" providerId="ADAL" clId="{06B3D5C8-C192-4A99-98FB-7EA3D7C360CF}" dt="2025-10-10T01:15:08.495" v="3" actId="165"/>
            <ac:picMkLst>
              <pc:docMk/>
              <pc:sldMasterMk cId="2460954070" sldId="2147483660"/>
              <pc:sldLayoutMk cId="3789527896" sldId="2147483672"/>
              <ac:picMk id="7" creationId="{C76134AB-687A-D8AC-8B2B-A931466D8873}"/>
            </ac:picMkLst>
          </pc:picChg>
          <pc:picChg chg="mod">
            <ac:chgData name="Catherine Leung" userId="dabd965c-b78d-4221-bc96-18215785a5a0" providerId="ADAL" clId="{06B3D5C8-C192-4A99-98FB-7EA3D7C360CF}" dt="2025-10-10T01:15:08.052" v="2" actId="164"/>
            <ac:picMkLst>
              <pc:docMk/>
              <pc:sldMasterMk cId="2460954070" sldId="2147483660"/>
              <pc:sldLayoutMk cId="3789527896" sldId="2147483672"/>
              <ac:picMk id="14" creationId="{32622BAB-4F5A-404E-58C4-EB7AE65229B8}"/>
            </ac:picMkLst>
          </pc:picChg>
        </pc:sldLayoutChg>
      </pc:sldMaster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EB2379A-758D-4038-ADA4-F22462F06DBA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85A0E17-A6D4-4C4F-AC28-718FC90CE2F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7834834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85A0E17-A6D4-4C4F-AC28-718FC90CE2F2}" type="slidenum">
              <a:rPr lang="en-US" smtClean="0"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8975362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6370425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3016782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03332729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94479627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3568810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29096186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4095769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6112300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528514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1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9350901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0868431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3452638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2988174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70504213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25277737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F313031-91B8-B20B-DCA9-032B29191EB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5474237C-CC80-6FD8-599B-6FEC5C5726CD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8E87626D-5DE8-FEA3-371D-E8393578ECEB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4ABD8551-612F-34C9-AA9A-1787A5AF4AB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63114484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43950768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2995956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4A97212-75AF-9EE6-FA30-9EBC7030E8E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D2C838E1-BA0D-147C-D664-AE885125DC6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4FAFF57B-9480-284F-19E5-B64DA8FD2B3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DEEF79C9-71D9-6780-8721-3D84894ADEAA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47294803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024A60D7-AEA8-3FBD-547A-B6BDC4D0529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EB805CA6-5C9B-25E6-0D89-6566480F3A57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0B3EF695-D1B5-BB59-6A77-991C543A1F4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976A17F-F982-DA99-3111-16856548CCBD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05624227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2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6614410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5FFF052-272A-C4CA-AE96-E2357DE2460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8BB42F86-1A87-B84D-31B1-C40773260F15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590B3B29-1C2F-57CD-7053-2ABD1E63B9B4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5C9B49B-AA31-7080-C134-FC4C63080452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19157087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66407644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21337180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22595994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75543015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56377846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73674802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7326194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638449983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3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41223673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85A0E17-A6D4-4C4F-AC28-718FC90CE2F2}" type="slidenum">
              <a:rPr lang="en-US" smtClean="0"/>
              <a:t>3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5893604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38093079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8CA05A5-8CC2-4799-8E3A-A34927AD1EDF}" type="slidenum">
              <a:rPr lang="zh-TW" altLang="en-US" smtClean="0"/>
              <a:t>40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4820329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5295021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62405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9089036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9634757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BD92FA6-34A6-4451-AA26-1ACBDA1A6428}" type="slidenum">
              <a:rPr lang="en-US" smtClean="0"/>
              <a:t>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0399326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 slide templat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7370525-E1CA-BA8F-B849-3D00B8173301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29F8B439-D708-CF6D-F9FE-43ACB5BD749F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491EC532-FAD8-D4BC-B978-9F9A25BF154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34B6C924-48A5-3842-FFEC-81CF2B93F96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A3BFDC8F-1030-1431-8A00-5D9A741C7CB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613579" cy="584234"/>
              <a:chOff x="3158571" y="2651574"/>
              <a:chExt cx="2613579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C76134AB-687A-D8AC-8B2B-A931466D8873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396608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05FB29D6-CA44-4790-4D0D-A1927DC4B3A0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9D3D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9ADCF167-2EE2-BA63-FFB0-D6AC4DB557D4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9D3D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78531E48-B865-80FD-2B07-F73DEDCEFC8E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D782F08-4B22-2A3E-A60A-6B948E1DE94C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32622BAB-4F5A-404E-58C4-EB7AE65229B8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rcRect l="2744" t="17323" r="1016" b="5730"/>
          <a:stretch/>
        </p:blipFill>
        <p:spPr>
          <a:xfrm>
            <a:off x="3499599" y="2722057"/>
            <a:ext cx="1893998" cy="46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8952789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7184145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1895827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02905451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9445657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_自訂版面配置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C6A3068F-3F5F-4157-B4BB-445A9B23354C}"/>
              </a:ext>
            </a:extLst>
          </p:cNvPr>
          <p:cNvSpPr txBox="1"/>
          <p:nvPr userDrawn="1"/>
        </p:nvSpPr>
        <p:spPr>
          <a:xfrm>
            <a:off x="9260306" y="6472990"/>
            <a:ext cx="2847473" cy="27699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zh-HK" sz="1200">
                <a:solidFill>
                  <a:srgbClr val="002060"/>
                </a:solidFill>
                <a:latin typeface="Verdana" pitchFamily="34" charset="0"/>
                <a:cs typeface="Arial" charset="0"/>
              </a:rPr>
              <a:t>© Pearson Education Asia Limited</a:t>
            </a:r>
            <a:endParaRPr lang="en-US" sz="1200"/>
          </a:p>
        </p:txBody>
      </p:sp>
    </p:spTree>
    <p:extLst>
      <p:ext uri="{BB962C8B-B14F-4D97-AF65-F5344CB8AC3E}">
        <p14:creationId xmlns:p14="http://schemas.microsoft.com/office/powerpoint/2010/main" val="155651562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19CFF0E7-3033-CF89-F338-CD603C3B44D6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0DCF151F-7DE2-B024-6168-EC03E5A5D929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ABF0AFE5-B600-7B77-3406-11FE37CE9A34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77394192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8538789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4913845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9152452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0309203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3317233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1031255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463889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0/10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A43BA176-6B4F-138D-AF31-E44E666E4A70}"/>
              </a:ext>
            </a:extLst>
          </p:cNvPr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6095407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2" r:id="rId1"/>
    <p:sldLayoutId id="2147483673" r:id="rId2"/>
    <p:sldLayoutId id="2147483661" r:id="rId3"/>
    <p:sldLayoutId id="2147483662" r:id="rId4"/>
    <p:sldLayoutId id="2147483663" r:id="rId5"/>
    <p:sldLayoutId id="2147483664" r:id="rId6"/>
    <p:sldLayoutId id="2147483665" r:id="rId7"/>
    <p:sldLayoutId id="2147483666" r:id="rId8"/>
    <p:sldLayoutId id="2147483667" r:id="rId9"/>
    <p:sldLayoutId id="2147483668" r:id="rId10"/>
    <p:sldLayoutId id="2147483669" r:id="rId11"/>
    <p:sldLayoutId id="2147483670" r:id="rId12"/>
    <p:sldLayoutId id="2147483671" r:id="rId13"/>
    <p:sldLayoutId id="2147483674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audio" Target="../media/media1.mp3"/><Relationship Id="rId7" Type="http://schemas.openxmlformats.org/officeDocument/2006/relationships/image" Target="../media/image10.png"/><Relationship Id="rId2" Type="http://schemas.microsoft.com/office/2007/relationships/media" Target="../media/media1.mp3"/><Relationship Id="rId1" Type="http://schemas.openxmlformats.org/officeDocument/2006/relationships/tags" Target="../tags/tag11.xml"/><Relationship Id="rId6" Type="http://schemas.openxmlformats.org/officeDocument/2006/relationships/image" Target="../media/image8.png"/><Relationship Id="rId5" Type="http://schemas.openxmlformats.org/officeDocument/2006/relationships/notesSlide" Target="../notesSlides/notesSlide10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2.sv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audio" Target="../media/media1.mp3"/><Relationship Id="rId7" Type="http://schemas.openxmlformats.org/officeDocument/2006/relationships/image" Target="../media/image10.png"/><Relationship Id="rId2" Type="http://schemas.microsoft.com/office/2007/relationships/media" Target="../media/media1.mp3"/><Relationship Id="rId1" Type="http://schemas.openxmlformats.org/officeDocument/2006/relationships/tags" Target="../tags/tag12.xml"/><Relationship Id="rId6" Type="http://schemas.openxmlformats.org/officeDocument/2006/relationships/image" Target="../media/image8.png"/><Relationship Id="rId5" Type="http://schemas.openxmlformats.org/officeDocument/2006/relationships/notesSlide" Target="../notesSlides/notesSlide11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2.sv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audio" Target="../media/media1.mp3"/><Relationship Id="rId7" Type="http://schemas.openxmlformats.org/officeDocument/2006/relationships/image" Target="../media/image10.png"/><Relationship Id="rId2" Type="http://schemas.microsoft.com/office/2007/relationships/media" Target="../media/media1.mp3"/><Relationship Id="rId1" Type="http://schemas.openxmlformats.org/officeDocument/2006/relationships/tags" Target="../tags/tag13.xml"/><Relationship Id="rId6" Type="http://schemas.openxmlformats.org/officeDocument/2006/relationships/image" Target="../media/image8.png"/><Relationship Id="rId5" Type="http://schemas.openxmlformats.org/officeDocument/2006/relationships/notesSlide" Target="../notesSlides/notesSlide12.xml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2.sv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4.xml"/><Relationship Id="rId4" Type="http://schemas.openxmlformats.org/officeDocument/2006/relationships/image" Target="../media/image8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5.xml"/><Relationship Id="rId4" Type="http://schemas.openxmlformats.org/officeDocument/2006/relationships/image" Target="../media/image8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6.xml"/><Relationship Id="rId5" Type="http://schemas.openxmlformats.org/officeDocument/2006/relationships/image" Target="../media/image13.png"/><Relationship Id="rId4" Type="http://schemas.openxmlformats.org/officeDocument/2006/relationships/image" Target="../media/image8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7.xml"/><Relationship Id="rId5" Type="http://schemas.openxmlformats.org/officeDocument/2006/relationships/image" Target="../media/image13.png"/><Relationship Id="rId4" Type="http://schemas.openxmlformats.org/officeDocument/2006/relationships/image" Target="../media/image8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8.xml"/><Relationship Id="rId5" Type="http://schemas.openxmlformats.org/officeDocument/2006/relationships/image" Target="../media/image13.png"/><Relationship Id="rId4" Type="http://schemas.openxmlformats.org/officeDocument/2006/relationships/image" Target="../media/image8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9.xml"/><Relationship Id="rId5" Type="http://schemas.openxmlformats.org/officeDocument/2006/relationships/image" Target="../media/image13.png"/><Relationship Id="rId4" Type="http://schemas.openxmlformats.org/officeDocument/2006/relationships/image" Target="../media/image8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0.xml"/><Relationship Id="rId5" Type="http://schemas.openxmlformats.org/officeDocument/2006/relationships/image" Target="../media/image14.png"/><Relationship Id="rId4" Type="http://schemas.openxmlformats.org/officeDocument/2006/relationships/image" Target="../media/image8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.xml"/><Relationship Id="rId4" Type="http://schemas.openxmlformats.org/officeDocument/2006/relationships/image" Target="../media/image7.jpe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svg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1.xml"/><Relationship Id="rId6" Type="http://schemas.openxmlformats.org/officeDocument/2006/relationships/image" Target="../media/image15.jpeg"/><Relationship Id="rId11" Type="http://schemas.openxmlformats.org/officeDocument/2006/relationships/image" Target="../media/image20.svg"/><Relationship Id="rId5" Type="http://schemas.openxmlformats.org/officeDocument/2006/relationships/image" Target="../media/image14.png"/><Relationship Id="rId10" Type="http://schemas.openxmlformats.org/officeDocument/2006/relationships/image" Target="../media/image19.png"/><Relationship Id="rId4" Type="http://schemas.openxmlformats.org/officeDocument/2006/relationships/image" Target="../media/image8.png"/><Relationship Id="rId9" Type="http://schemas.openxmlformats.org/officeDocument/2006/relationships/image" Target="../media/image18.jpe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2.xml"/><Relationship Id="rId6" Type="http://schemas.openxmlformats.org/officeDocument/2006/relationships/image" Target="../media/image21.jpg"/><Relationship Id="rId5" Type="http://schemas.openxmlformats.org/officeDocument/2006/relationships/image" Target="../media/image14.png"/><Relationship Id="rId4" Type="http://schemas.openxmlformats.org/officeDocument/2006/relationships/image" Target="../media/image8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3.xml"/><Relationship Id="rId5" Type="http://schemas.openxmlformats.org/officeDocument/2006/relationships/image" Target="../media/image22.png"/><Relationship Id="rId4" Type="http://schemas.openxmlformats.org/officeDocument/2006/relationships/image" Target="../media/image8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4.xml"/><Relationship Id="rId5" Type="http://schemas.openxmlformats.org/officeDocument/2006/relationships/image" Target="../media/image22.png"/><Relationship Id="rId4" Type="http://schemas.openxmlformats.org/officeDocument/2006/relationships/image" Target="../media/image8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5.xml"/><Relationship Id="rId5" Type="http://schemas.openxmlformats.org/officeDocument/2006/relationships/image" Target="../media/image22.png"/><Relationship Id="rId4" Type="http://schemas.openxmlformats.org/officeDocument/2006/relationships/image" Target="../media/image8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6.xml"/><Relationship Id="rId5" Type="http://schemas.openxmlformats.org/officeDocument/2006/relationships/image" Target="../media/image22.png"/><Relationship Id="rId4" Type="http://schemas.openxmlformats.org/officeDocument/2006/relationships/image" Target="../media/image8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7.xml"/><Relationship Id="rId5" Type="http://schemas.openxmlformats.org/officeDocument/2006/relationships/image" Target="../media/image22.png"/><Relationship Id="rId4" Type="http://schemas.openxmlformats.org/officeDocument/2006/relationships/image" Target="../media/image8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8.xml"/><Relationship Id="rId6" Type="http://schemas.openxmlformats.org/officeDocument/2006/relationships/image" Target="../media/image23.png"/><Relationship Id="rId5" Type="http://schemas.openxmlformats.org/officeDocument/2006/relationships/hyperlink" Target="https://go.pearson.com.hk/s/qxvNk" TargetMode="External"/><Relationship Id="rId4" Type="http://schemas.openxmlformats.org/officeDocument/2006/relationships/image" Target="../media/image8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9.xml"/><Relationship Id="rId5" Type="http://schemas.openxmlformats.org/officeDocument/2006/relationships/image" Target="../media/image24.jpeg"/><Relationship Id="rId4" Type="http://schemas.openxmlformats.org/officeDocument/2006/relationships/image" Target="../media/image8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0.xml"/><Relationship Id="rId5" Type="http://schemas.openxmlformats.org/officeDocument/2006/relationships/image" Target="../media/image25.png"/><Relationship Id="rId4" Type="http://schemas.openxmlformats.org/officeDocument/2006/relationships/image" Target="../media/image8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4.xml"/><Relationship Id="rId4" Type="http://schemas.openxmlformats.org/officeDocument/2006/relationships/image" Target="../media/image8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1.xml"/><Relationship Id="rId6" Type="http://schemas.openxmlformats.org/officeDocument/2006/relationships/image" Target="../media/image25.png"/><Relationship Id="rId5" Type="http://schemas.openxmlformats.org/officeDocument/2006/relationships/image" Target="../media/image26.jpeg"/><Relationship Id="rId4" Type="http://schemas.openxmlformats.org/officeDocument/2006/relationships/image" Target="../media/image8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2.xml"/><Relationship Id="rId6" Type="http://schemas.openxmlformats.org/officeDocument/2006/relationships/image" Target="../media/image25.png"/><Relationship Id="rId5" Type="http://schemas.openxmlformats.org/officeDocument/2006/relationships/image" Target="../media/image26.jpeg"/><Relationship Id="rId4" Type="http://schemas.openxmlformats.org/officeDocument/2006/relationships/image" Target="../media/image8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3.xml"/><Relationship Id="rId5" Type="http://schemas.openxmlformats.org/officeDocument/2006/relationships/image" Target="../media/image27.png"/><Relationship Id="rId4" Type="http://schemas.openxmlformats.org/officeDocument/2006/relationships/image" Target="../media/image8.pn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4.xml"/><Relationship Id="rId4" Type="http://schemas.openxmlformats.org/officeDocument/2006/relationships/image" Target="../media/image8.pn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5.xml"/><Relationship Id="rId5" Type="http://schemas.openxmlformats.org/officeDocument/2006/relationships/image" Target="../media/image28.png"/><Relationship Id="rId4" Type="http://schemas.openxmlformats.org/officeDocument/2006/relationships/image" Target="../media/image8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6.xml"/><Relationship Id="rId5" Type="http://schemas.openxmlformats.org/officeDocument/2006/relationships/image" Target="../media/image28.png"/><Relationship Id="rId4" Type="http://schemas.openxmlformats.org/officeDocument/2006/relationships/image" Target="../media/image8.png"/></Relationships>
</file>

<file path=ppt/slides/_rels/slide3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2.png"/><Relationship Id="rId3" Type="http://schemas.openxmlformats.org/officeDocument/2006/relationships/notesSlide" Target="../notesSlides/notesSlide36.xml"/><Relationship Id="rId7" Type="http://schemas.openxmlformats.org/officeDocument/2006/relationships/image" Target="../media/image31.sv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7.xml"/><Relationship Id="rId6" Type="http://schemas.openxmlformats.org/officeDocument/2006/relationships/image" Target="../media/image30.png"/><Relationship Id="rId5" Type="http://schemas.openxmlformats.org/officeDocument/2006/relationships/image" Target="../media/image29.png"/><Relationship Id="rId4" Type="http://schemas.openxmlformats.org/officeDocument/2006/relationships/image" Target="../media/image22.png"/><Relationship Id="rId9" Type="http://schemas.openxmlformats.org/officeDocument/2006/relationships/image" Target="../media/image33.svg"/></Relationships>
</file>

<file path=ppt/slides/_rels/slide3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2.png"/><Relationship Id="rId3" Type="http://schemas.openxmlformats.org/officeDocument/2006/relationships/notesSlide" Target="../notesSlides/notesSlide37.xml"/><Relationship Id="rId7" Type="http://schemas.openxmlformats.org/officeDocument/2006/relationships/image" Target="../media/image31.sv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8.xml"/><Relationship Id="rId6" Type="http://schemas.openxmlformats.org/officeDocument/2006/relationships/image" Target="../media/image30.png"/><Relationship Id="rId5" Type="http://schemas.openxmlformats.org/officeDocument/2006/relationships/image" Target="../media/image14.png"/><Relationship Id="rId4" Type="http://schemas.openxmlformats.org/officeDocument/2006/relationships/image" Target="../media/image29.png"/><Relationship Id="rId9" Type="http://schemas.openxmlformats.org/officeDocument/2006/relationships/image" Target="../media/image33.svg"/></Relationships>
</file>

<file path=ppt/slides/_rels/slide3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2.png"/><Relationship Id="rId3" Type="http://schemas.openxmlformats.org/officeDocument/2006/relationships/notesSlide" Target="../notesSlides/notesSlide38.xml"/><Relationship Id="rId7" Type="http://schemas.openxmlformats.org/officeDocument/2006/relationships/image" Target="../media/image31.sv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9.xml"/><Relationship Id="rId6" Type="http://schemas.openxmlformats.org/officeDocument/2006/relationships/image" Target="../media/image30.png"/><Relationship Id="rId5" Type="http://schemas.openxmlformats.org/officeDocument/2006/relationships/image" Target="../media/image29.png"/><Relationship Id="rId4" Type="http://schemas.openxmlformats.org/officeDocument/2006/relationships/image" Target="../media/image25.png"/><Relationship Id="rId9" Type="http://schemas.openxmlformats.org/officeDocument/2006/relationships/image" Target="../media/image33.sv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0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Relationship Id="rId5" Type="http://schemas.openxmlformats.org/officeDocument/2006/relationships/image" Target="../media/image9.jpeg"/><Relationship Id="rId4" Type="http://schemas.openxmlformats.org/officeDocument/2006/relationships/image" Target="../media/image8.png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41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Relationship Id="rId5" Type="http://schemas.openxmlformats.org/officeDocument/2006/relationships/image" Target="../media/image9.jpeg"/><Relationship Id="rId4" Type="http://schemas.openxmlformats.org/officeDocument/2006/relationships/image" Target="../media/image8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7.xml"/><Relationship Id="rId4" Type="http://schemas.openxmlformats.org/officeDocument/2006/relationships/image" Target="../media/image8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8.xml"/><Relationship Id="rId4" Type="http://schemas.openxmlformats.org/officeDocument/2006/relationships/image" Target="../media/image8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9.xml"/><Relationship Id="rId4" Type="http://schemas.openxmlformats.org/officeDocument/2006/relationships/image" Target="../media/image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0.xml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5B75FF07-7058-43FA-92B3-24A9EAA96583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GB" sz="4400" b="1" noProof="0" dirty="0">
                <a:solidFill>
                  <a:schemeClr val="bg1"/>
                </a:solidFill>
              </a:rPr>
              <a:t>Chapter 4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2DFB011E-CD33-871A-85C6-CEF58BFCF4E2}"/>
              </a:ext>
            </a:extLst>
          </p:cNvPr>
          <p:cNvSpPr txBox="1"/>
          <p:nvPr/>
        </p:nvSpPr>
        <p:spPr>
          <a:xfrm>
            <a:off x="5014614" y="3684044"/>
            <a:ext cx="2162773" cy="83099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GB" sz="4800" b="1" noProof="0" dirty="0">
                <a:solidFill>
                  <a:srgbClr val="002060"/>
                </a:solidFill>
                <a:latin typeface="Candara" panose="020E0502030303020204" pitchFamily="34" charset="0"/>
              </a:rPr>
              <a:t>Poster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27297103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B3F9BB62-F9B7-3C65-4AE9-DB96A987D3AA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Read the heading out loud.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ay attention to the last word of each sentence. 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4EA496FA-C62F-38F2-6FDE-409AC872134E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F0D42796-326F-0D27-154A-214AA56AAEF9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457" t="2302" r="13311" b="80796"/>
          <a:stretch/>
        </p:blipFill>
        <p:spPr>
          <a:xfrm>
            <a:off x="3468947" y="1435369"/>
            <a:ext cx="5394387" cy="116810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9" name="Oval 8">
            <a:extLst>
              <a:ext uri="{FF2B5EF4-FFF2-40B4-BE49-F238E27FC236}">
                <a16:creationId xmlns:a16="http://schemas.microsoft.com/office/drawing/2014/main" id="{1C991255-A6A0-C223-8DF3-3214CB4C7824}"/>
              </a:ext>
            </a:extLst>
          </p:cNvPr>
          <p:cNvSpPr/>
          <p:nvPr/>
        </p:nvSpPr>
        <p:spPr>
          <a:xfrm>
            <a:off x="8105481" y="2048676"/>
            <a:ext cx="617573" cy="554785"/>
          </a:xfrm>
          <a:prstGeom prst="ellipse">
            <a:avLst/>
          </a:prstGeom>
          <a:noFill/>
          <a:ln w="19050">
            <a:solidFill>
              <a:srgbClr val="00B0F0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12" name="Oval 11">
            <a:extLst>
              <a:ext uri="{FF2B5EF4-FFF2-40B4-BE49-F238E27FC236}">
                <a16:creationId xmlns:a16="http://schemas.microsoft.com/office/drawing/2014/main" id="{C9B8DB6A-8B2D-B957-757E-73882069F7CC}"/>
              </a:ext>
            </a:extLst>
          </p:cNvPr>
          <p:cNvSpPr/>
          <p:nvPr/>
        </p:nvSpPr>
        <p:spPr>
          <a:xfrm>
            <a:off x="6198197" y="1378635"/>
            <a:ext cx="1024905" cy="596821"/>
          </a:xfrm>
          <a:prstGeom prst="ellipse">
            <a:avLst/>
          </a:prstGeom>
          <a:noFill/>
          <a:ln w="19050">
            <a:solidFill>
              <a:srgbClr val="00B0F0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3" name="ple3e_1b_c4_p37_tt">
            <a:hlinkClick r:id="" action="ppaction://media"/>
            <a:extLst>
              <a:ext uri="{FF2B5EF4-FFF2-40B4-BE49-F238E27FC236}">
                <a16:creationId xmlns:a16="http://schemas.microsoft.com/office/drawing/2014/main" id="{5F2B36E5-D01F-638D-E12E-8DCE9CD3543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-983615" y="266065"/>
            <a:ext cx="609600" cy="609600"/>
          </a:xfrm>
          <a:prstGeom prst="rect">
            <a:avLst/>
          </a:prstGeom>
        </p:spPr>
      </p:pic>
      <p:pic>
        <p:nvPicPr>
          <p:cNvPr id="16" name="Play audio">
            <a:extLst>
              <a:ext uri="{FF2B5EF4-FFF2-40B4-BE49-F238E27FC236}">
                <a16:creationId xmlns:a16="http://schemas.microsoft.com/office/drawing/2014/main" id="{665916B6-78CF-A8D8-4A1C-890851023FF5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2840449" y="1435369"/>
            <a:ext cx="447429" cy="432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986311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21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19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" fill="hold">
                      <p:stCondLst>
                        <p:cond delay="0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3" dur="4728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</p:childTnLst>
        </p:cTn>
      </p:par>
    </p:tnLst>
    <p:bldLst>
      <p:bldP spid="9" grpId="0" animBg="1"/>
      <p:bldP spid="12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16">
            <a:extLst>
              <a:ext uri="{FF2B5EF4-FFF2-40B4-BE49-F238E27FC236}">
                <a16:creationId xmlns:a16="http://schemas.microsoft.com/office/drawing/2014/main" id="{5EBEEAAA-DA56-D993-59DC-E7B4A430920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o they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rhyme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(have the same ending sound)?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4EA496FA-C62F-38F2-6FDE-409AC872134E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D0381D22-2C9C-6A0D-5E46-F73E61B91BE7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457" t="2302" r="13311" b="80796"/>
          <a:stretch/>
        </p:blipFill>
        <p:spPr>
          <a:xfrm>
            <a:off x="3468947" y="1435369"/>
            <a:ext cx="5394387" cy="116810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4" name="Oval 13">
            <a:extLst>
              <a:ext uri="{FF2B5EF4-FFF2-40B4-BE49-F238E27FC236}">
                <a16:creationId xmlns:a16="http://schemas.microsoft.com/office/drawing/2014/main" id="{DB3B7AC8-4A23-1405-A8D5-22C1E7DE677F}"/>
              </a:ext>
            </a:extLst>
          </p:cNvPr>
          <p:cNvSpPr/>
          <p:nvPr/>
        </p:nvSpPr>
        <p:spPr>
          <a:xfrm>
            <a:off x="8105481" y="2048676"/>
            <a:ext cx="617573" cy="554785"/>
          </a:xfrm>
          <a:prstGeom prst="ellipse">
            <a:avLst/>
          </a:prstGeom>
          <a:noFill/>
          <a:ln w="19050">
            <a:solidFill>
              <a:srgbClr val="00B0F0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15" name="Oval 14">
            <a:extLst>
              <a:ext uri="{FF2B5EF4-FFF2-40B4-BE49-F238E27FC236}">
                <a16:creationId xmlns:a16="http://schemas.microsoft.com/office/drawing/2014/main" id="{5E016D1F-0753-A735-552A-641CF863463C}"/>
              </a:ext>
            </a:extLst>
          </p:cNvPr>
          <p:cNvSpPr/>
          <p:nvPr/>
        </p:nvSpPr>
        <p:spPr>
          <a:xfrm>
            <a:off x="6198197" y="1378635"/>
            <a:ext cx="1024905" cy="596821"/>
          </a:xfrm>
          <a:prstGeom prst="ellipse">
            <a:avLst/>
          </a:prstGeom>
          <a:noFill/>
          <a:ln w="19050">
            <a:solidFill>
              <a:srgbClr val="00B0F0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3" name="ple3e_1b_c4_p37_tt">
            <a:hlinkClick r:id="" action="ppaction://media"/>
            <a:extLst>
              <a:ext uri="{FF2B5EF4-FFF2-40B4-BE49-F238E27FC236}">
                <a16:creationId xmlns:a16="http://schemas.microsoft.com/office/drawing/2014/main" id="{2C13D4A0-E605-FB8F-F810-2CB5E605CC6A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-983615" y="266065"/>
            <a:ext cx="609600" cy="609600"/>
          </a:xfrm>
          <a:prstGeom prst="rect">
            <a:avLst/>
          </a:prstGeom>
        </p:spPr>
      </p:pic>
      <p:pic>
        <p:nvPicPr>
          <p:cNvPr id="9" name="Play audio">
            <a:extLst>
              <a:ext uri="{FF2B5EF4-FFF2-40B4-BE49-F238E27FC236}">
                <a16:creationId xmlns:a16="http://schemas.microsoft.com/office/drawing/2014/main" id="{93FB3B05-3669-302D-D2FA-E621104DA4B6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2840449" y="1435369"/>
            <a:ext cx="447429" cy="432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541442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2" dur="4728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16">
            <a:extLst>
              <a:ext uri="{FF2B5EF4-FFF2-40B4-BE49-F238E27FC236}">
                <a16:creationId xmlns:a16="http://schemas.microsoft.com/office/drawing/2014/main" id="{5EBEEAAA-DA56-D993-59DC-E7B4A430920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e heading has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rhyming words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 It is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catchy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(easy to remember).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4EA496FA-C62F-38F2-6FDE-409AC872134E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D0381D22-2C9C-6A0D-5E46-F73E61B91BE7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457" t="2302" r="13311" b="80796"/>
          <a:stretch/>
        </p:blipFill>
        <p:spPr>
          <a:xfrm>
            <a:off x="3468947" y="1435369"/>
            <a:ext cx="5394387" cy="116810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4" name="Oval 13">
            <a:extLst>
              <a:ext uri="{FF2B5EF4-FFF2-40B4-BE49-F238E27FC236}">
                <a16:creationId xmlns:a16="http://schemas.microsoft.com/office/drawing/2014/main" id="{DB3B7AC8-4A23-1405-A8D5-22C1E7DE677F}"/>
              </a:ext>
            </a:extLst>
          </p:cNvPr>
          <p:cNvSpPr/>
          <p:nvPr/>
        </p:nvSpPr>
        <p:spPr>
          <a:xfrm>
            <a:off x="8105481" y="2048676"/>
            <a:ext cx="617573" cy="554785"/>
          </a:xfrm>
          <a:prstGeom prst="ellipse">
            <a:avLst/>
          </a:prstGeom>
          <a:noFill/>
          <a:ln w="19050">
            <a:solidFill>
              <a:srgbClr val="00B0F0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15" name="Oval 14">
            <a:extLst>
              <a:ext uri="{FF2B5EF4-FFF2-40B4-BE49-F238E27FC236}">
                <a16:creationId xmlns:a16="http://schemas.microsoft.com/office/drawing/2014/main" id="{5E016D1F-0753-A735-552A-641CF863463C}"/>
              </a:ext>
            </a:extLst>
          </p:cNvPr>
          <p:cNvSpPr/>
          <p:nvPr/>
        </p:nvSpPr>
        <p:spPr>
          <a:xfrm>
            <a:off x="6198197" y="1378635"/>
            <a:ext cx="1024905" cy="596821"/>
          </a:xfrm>
          <a:prstGeom prst="ellipse">
            <a:avLst/>
          </a:prstGeom>
          <a:noFill/>
          <a:ln w="19050">
            <a:solidFill>
              <a:srgbClr val="00B0F0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3" name="ple3e_1b_c4_p37_tt">
            <a:hlinkClick r:id="" action="ppaction://media"/>
            <a:extLst>
              <a:ext uri="{FF2B5EF4-FFF2-40B4-BE49-F238E27FC236}">
                <a16:creationId xmlns:a16="http://schemas.microsoft.com/office/drawing/2014/main" id="{D3D12D59-7C2B-D3DE-DE62-B4DA8607BCA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-983615" y="266065"/>
            <a:ext cx="609600" cy="609600"/>
          </a:xfrm>
          <a:prstGeom prst="rect">
            <a:avLst/>
          </a:prstGeom>
        </p:spPr>
      </p:pic>
      <p:pic>
        <p:nvPicPr>
          <p:cNvPr id="9" name="Play audio">
            <a:extLst>
              <a:ext uri="{FF2B5EF4-FFF2-40B4-BE49-F238E27FC236}">
                <a16:creationId xmlns:a16="http://schemas.microsoft.com/office/drawing/2014/main" id="{C3DB9120-F89A-5ECE-8FC9-A92AF3192B75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2840449" y="1435369"/>
            <a:ext cx="447429" cy="432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041998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2" dur="4728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10944DB3-AEB5-1029-E52A-745B056961E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poster often has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ictures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to get readers’ attention.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e zoo puts the pictures of its new stars on the poster.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984F894E-737A-A544-A232-A3FA84B24E16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0" name="Straight Arrow Connector 9">
              <a:extLst>
                <a:ext uri="{FF2B5EF4-FFF2-40B4-BE49-F238E27FC236}">
                  <a16:creationId xmlns:a16="http://schemas.microsoft.com/office/drawing/2014/main" id="{5E3567A1-1A64-F215-6BE1-F8C5FF5349EE}"/>
                </a:ext>
              </a:extLst>
            </p:cNvPr>
            <p:cNvCxnSpPr>
              <a:cxnSpLocks/>
              <a:stCxn id="11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685EDCBB-7849-0F5B-F11E-CE87377E557E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8354588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58FF8375-A7CE-B9C7-07DC-535D2A8A849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Let’s find out who the new stars are!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15" name="Group 14">
            <a:extLst>
              <a:ext uri="{FF2B5EF4-FFF2-40B4-BE49-F238E27FC236}">
                <a16:creationId xmlns:a16="http://schemas.microsoft.com/office/drawing/2014/main" id="{562F9E17-89E8-8012-9CE0-4FFD045377DA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3" name="Straight Arrow Connector 12">
              <a:extLst>
                <a:ext uri="{FF2B5EF4-FFF2-40B4-BE49-F238E27FC236}">
                  <a16:creationId xmlns:a16="http://schemas.microsoft.com/office/drawing/2014/main" id="{BE1BF604-EC3A-43D9-78F9-975838B8A5BF}"/>
                </a:ext>
              </a:extLst>
            </p:cNvPr>
            <p:cNvCxnSpPr>
              <a:cxnSpLocks/>
              <a:stCxn id="9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9" name="圓角矩形 10">
              <a:extLst>
                <a:ext uri="{FF2B5EF4-FFF2-40B4-BE49-F238E27FC236}">
                  <a16:creationId xmlns:a16="http://schemas.microsoft.com/office/drawing/2014/main" id="{560C6C93-B7B0-45B6-A741-57B1E32165FE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8857760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C2C7D488-97C9-636A-4567-6ED08628604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o are Kiki and Koko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13744601-9C0A-F106-EE45-500C379779C2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D229A3E3-3763-FF3F-9DA7-EC90452F3FDF}"/>
                </a:ext>
              </a:extLst>
            </p:cNvPr>
            <p:cNvCxnSpPr>
              <a:cxnSpLocks/>
              <a:stCxn id="12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2" name="圓角矩形 10">
              <a:extLst>
                <a:ext uri="{FF2B5EF4-FFF2-40B4-BE49-F238E27FC236}">
                  <a16:creationId xmlns:a16="http://schemas.microsoft.com/office/drawing/2014/main" id="{9FFF778E-C7E4-103D-937D-4D3631440D62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6F3A04E5-8380-29EE-CEE8-7ACDC02C6FC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051213" y="2102571"/>
            <a:ext cx="3426362" cy="274910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0DFEF6E6-4155-66EF-228B-74D0F8CD32FB}"/>
              </a:ext>
            </a:extLst>
          </p:cNvPr>
          <p:cNvCxnSpPr>
            <a:cxnSpLocks/>
          </p:cNvCxnSpPr>
          <p:nvPr/>
        </p:nvCxnSpPr>
        <p:spPr>
          <a:xfrm>
            <a:off x="3440512" y="4020671"/>
            <a:ext cx="2532523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8726766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7C588207-CE6C-67F1-80E4-A1707078235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re are they from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118EF55F-B2D5-4BA1-DC31-86DFB4F6236F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449E43D9-0A9F-2BAB-9358-6EBF781102BF}"/>
                </a:ext>
              </a:extLst>
            </p:cNvPr>
            <p:cNvCxnSpPr>
              <a:cxnSpLocks/>
              <a:stCxn id="14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4" name="圓角矩形 10">
              <a:extLst>
                <a:ext uri="{FF2B5EF4-FFF2-40B4-BE49-F238E27FC236}">
                  <a16:creationId xmlns:a16="http://schemas.microsoft.com/office/drawing/2014/main" id="{7B94AEC0-4B89-E286-E0A0-11FDAC4B60A2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6F7A7E22-AEC8-CA4C-BA98-9D26649C583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051213" y="2102571"/>
            <a:ext cx="3426362" cy="274910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0DFEF6E6-4155-66EF-228B-74D0F8CD32FB}"/>
              </a:ext>
            </a:extLst>
          </p:cNvPr>
          <p:cNvCxnSpPr>
            <a:cxnSpLocks/>
          </p:cNvCxnSpPr>
          <p:nvPr/>
        </p:nvCxnSpPr>
        <p:spPr>
          <a:xfrm>
            <a:off x="3414572" y="4312501"/>
            <a:ext cx="1481683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6171417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852D3822-8917-59E9-4F2C-268720CCF80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How many hours do they sleep every day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7859325E-3B7F-2BFA-6D2C-8351A0CA1C40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6BB6286C-DECC-2150-DA7F-C2B93D4A908D}"/>
                </a:ext>
              </a:extLst>
            </p:cNvPr>
            <p:cNvCxnSpPr>
              <a:cxnSpLocks/>
              <a:stCxn id="17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7" name="圓角矩形 10">
              <a:extLst>
                <a:ext uri="{FF2B5EF4-FFF2-40B4-BE49-F238E27FC236}">
                  <a16:creationId xmlns:a16="http://schemas.microsoft.com/office/drawing/2014/main" id="{108CBDD5-79DF-D583-922F-99BC30A59CB1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6" name="Picture 15">
            <a:extLst>
              <a:ext uri="{FF2B5EF4-FFF2-40B4-BE49-F238E27FC236}">
                <a16:creationId xmlns:a16="http://schemas.microsoft.com/office/drawing/2014/main" id="{95785F45-2CCB-8EB0-A661-EF9F309FBBB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051213" y="2102571"/>
            <a:ext cx="3426362" cy="274910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0" name="Straight Connector 9">
            <a:extLst>
              <a:ext uri="{FF2B5EF4-FFF2-40B4-BE49-F238E27FC236}">
                <a16:creationId xmlns:a16="http://schemas.microsoft.com/office/drawing/2014/main" id="{7164C74C-CE62-D661-8DFE-862C921FFF1A}"/>
              </a:ext>
            </a:extLst>
          </p:cNvPr>
          <p:cNvCxnSpPr>
            <a:cxnSpLocks/>
          </p:cNvCxnSpPr>
          <p:nvPr/>
        </p:nvCxnSpPr>
        <p:spPr>
          <a:xfrm>
            <a:off x="5004963" y="4318892"/>
            <a:ext cx="111600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256C0CCA-6F97-C99D-7D15-0B502AA65CAB}"/>
              </a:ext>
            </a:extLst>
          </p:cNvPr>
          <p:cNvCxnSpPr>
            <a:cxnSpLocks/>
          </p:cNvCxnSpPr>
          <p:nvPr/>
        </p:nvCxnSpPr>
        <p:spPr>
          <a:xfrm>
            <a:off x="3411143" y="4594232"/>
            <a:ext cx="219600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6086547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7F57A2F0-25A4-9AA3-B197-5B55291C0B4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ow, they sleep a lot.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How many hours do you sleep a day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0A96BDF8-6066-1EBD-07D9-73EF7F2692AF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0" name="Straight Arrow Connector 9">
              <a:extLst>
                <a:ext uri="{FF2B5EF4-FFF2-40B4-BE49-F238E27FC236}">
                  <a16:creationId xmlns:a16="http://schemas.microsoft.com/office/drawing/2014/main" id="{E43B1208-16F8-54B7-150D-DC3B24FB15CA}"/>
                </a:ext>
              </a:extLst>
            </p:cNvPr>
            <p:cNvCxnSpPr>
              <a:cxnSpLocks/>
              <a:stCxn id="11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88391FB5-97B1-D51B-2170-D2BC7B48B154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6" name="Picture 15">
            <a:extLst>
              <a:ext uri="{FF2B5EF4-FFF2-40B4-BE49-F238E27FC236}">
                <a16:creationId xmlns:a16="http://schemas.microsoft.com/office/drawing/2014/main" id="{29B85E01-6683-CE7B-A4C0-6F1C3B7410B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051213" y="2102571"/>
            <a:ext cx="3426362" cy="2749105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7525A8D5-7047-143A-7880-D838DCB74D68}"/>
              </a:ext>
            </a:extLst>
          </p:cNvPr>
          <p:cNvCxnSpPr>
            <a:cxnSpLocks/>
          </p:cNvCxnSpPr>
          <p:nvPr/>
        </p:nvCxnSpPr>
        <p:spPr>
          <a:xfrm>
            <a:off x="5004963" y="4318892"/>
            <a:ext cx="111600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396DBD15-4213-7B75-D3FC-4F8283C3D01E}"/>
              </a:ext>
            </a:extLst>
          </p:cNvPr>
          <p:cNvCxnSpPr>
            <a:cxnSpLocks/>
          </p:cNvCxnSpPr>
          <p:nvPr/>
        </p:nvCxnSpPr>
        <p:spPr>
          <a:xfrm>
            <a:off x="3411143" y="4594232"/>
            <a:ext cx="219600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1606517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46B57712-797C-18A6-547E-CA87A6C7B22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o are Penny and Poppy? Are they birds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9D5AE111-9E08-86D8-3E84-21B12C5B59D2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C5C21CF5-7EEC-35D7-74E7-698AE41E9414}"/>
                </a:ext>
              </a:extLst>
            </p:cNvPr>
            <p:cNvCxnSpPr>
              <a:cxnSpLocks/>
              <a:stCxn id="12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2" name="圓角矩形 10">
              <a:extLst>
                <a:ext uri="{FF2B5EF4-FFF2-40B4-BE49-F238E27FC236}">
                  <a16:creationId xmlns:a16="http://schemas.microsoft.com/office/drawing/2014/main" id="{9F2DC824-9C3D-7C07-6BA6-2F5BE2CE5DE2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F9E26F21-9F39-8E8E-26C5-C6B1B5A06BD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086607" y="1962300"/>
            <a:ext cx="3662923" cy="239305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0DFEF6E6-4155-66EF-228B-74D0F8CD32FB}"/>
              </a:ext>
            </a:extLst>
          </p:cNvPr>
          <p:cNvCxnSpPr>
            <a:cxnSpLocks/>
          </p:cNvCxnSpPr>
          <p:nvPr/>
        </p:nvCxnSpPr>
        <p:spPr>
          <a:xfrm>
            <a:off x="5360104" y="3826118"/>
            <a:ext cx="311593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947CA5CA-7861-E259-711B-778034F086AE}"/>
              </a:ext>
            </a:extLst>
          </p:cNvPr>
          <p:cNvCxnSpPr>
            <a:cxnSpLocks/>
          </p:cNvCxnSpPr>
          <p:nvPr/>
        </p:nvCxnSpPr>
        <p:spPr>
          <a:xfrm flipV="1">
            <a:off x="5360104" y="4082600"/>
            <a:ext cx="1150943" cy="3148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5699037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Do you like going to a zoo?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animals can you find at a zoo?  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8746037F-3884-6F3D-8AA5-A4C243EBCE8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" r="29"/>
          <a:stretch/>
        </p:blipFill>
        <p:spPr>
          <a:xfrm>
            <a:off x="2497993" y="1598210"/>
            <a:ext cx="7196015" cy="4798842"/>
          </a:xfrm>
          <a:prstGeom prst="roundRect">
            <a:avLst>
              <a:gd name="adj" fmla="val 9045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487973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FE1559F4-CFA7-DEE2-298D-F9F09323F73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enguins are birds. They can swim, but they cannot fly.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2EB9C291-3133-CBE9-ECE4-7FB4AF59D0CD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6" name="Straight Arrow Connector 15">
              <a:extLst>
                <a:ext uri="{FF2B5EF4-FFF2-40B4-BE49-F238E27FC236}">
                  <a16:creationId xmlns:a16="http://schemas.microsoft.com/office/drawing/2014/main" id="{4D471710-E621-C98A-1737-91C7B0FCDE63}"/>
                </a:ext>
              </a:extLst>
            </p:cNvPr>
            <p:cNvCxnSpPr>
              <a:cxnSpLocks/>
              <a:stCxn id="20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0" name="圓角矩形 10">
              <a:extLst>
                <a:ext uri="{FF2B5EF4-FFF2-40B4-BE49-F238E27FC236}">
                  <a16:creationId xmlns:a16="http://schemas.microsoft.com/office/drawing/2014/main" id="{F644E542-F81E-390D-9872-ED3FCE429CC7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E8969581-A925-BD1A-349D-E97F60742BB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086607" y="1962300"/>
            <a:ext cx="3662923" cy="239305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BA6CA6E0-B80A-6E64-2C09-EFEDA9F10415}"/>
              </a:ext>
            </a:extLst>
          </p:cNvPr>
          <p:cNvCxnSpPr>
            <a:cxnSpLocks/>
          </p:cNvCxnSpPr>
          <p:nvPr/>
        </p:nvCxnSpPr>
        <p:spPr>
          <a:xfrm>
            <a:off x="5360104" y="3826118"/>
            <a:ext cx="311593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C8AACD0A-A451-423A-75B2-9C39DD3A9308}"/>
              </a:ext>
            </a:extLst>
          </p:cNvPr>
          <p:cNvCxnSpPr>
            <a:cxnSpLocks/>
          </p:cNvCxnSpPr>
          <p:nvPr/>
        </p:nvCxnSpPr>
        <p:spPr>
          <a:xfrm flipV="1">
            <a:off x="5360104" y="4082600"/>
            <a:ext cx="1150943" cy="3148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9" name="Group 18">
            <a:extLst>
              <a:ext uri="{FF2B5EF4-FFF2-40B4-BE49-F238E27FC236}">
                <a16:creationId xmlns:a16="http://schemas.microsoft.com/office/drawing/2014/main" id="{A13F10F2-2C97-00EF-4F2E-D1FD058D07CD}"/>
              </a:ext>
            </a:extLst>
          </p:cNvPr>
          <p:cNvGrpSpPr/>
          <p:nvPr/>
        </p:nvGrpSpPr>
        <p:grpSpPr>
          <a:xfrm>
            <a:off x="1476751" y="1564097"/>
            <a:ext cx="2838304" cy="1894568"/>
            <a:chOff x="1100286" y="2062861"/>
            <a:chExt cx="2838304" cy="1894568"/>
          </a:xfrm>
        </p:grpSpPr>
        <p:pic>
          <p:nvPicPr>
            <p:cNvPr id="12" name="Picture 11">
              <a:extLst>
                <a:ext uri="{FF2B5EF4-FFF2-40B4-BE49-F238E27FC236}">
                  <a16:creationId xmlns:a16="http://schemas.microsoft.com/office/drawing/2014/main" id="{9EBA3855-4187-DBF9-1F5A-79E752658735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9" r="9"/>
            <a:stretch/>
          </p:blipFill>
          <p:spPr>
            <a:xfrm>
              <a:off x="1100286" y="2062861"/>
              <a:ext cx="2838304" cy="1894568"/>
            </a:xfrm>
            <a:custGeom>
              <a:avLst/>
              <a:gdLst>
                <a:gd name="connsiteX0" fmla="*/ 0 w 2838304"/>
                <a:gd name="connsiteY0" fmla="*/ 229887 h 1894568"/>
                <a:gd name="connsiteX1" fmla="*/ 229887 w 2838304"/>
                <a:gd name="connsiteY1" fmla="*/ 0 h 1894568"/>
                <a:gd name="connsiteX2" fmla="*/ 824520 w 2838304"/>
                <a:gd name="connsiteY2" fmla="*/ 0 h 1894568"/>
                <a:gd name="connsiteX3" fmla="*/ 1347796 w 2838304"/>
                <a:gd name="connsiteY3" fmla="*/ 0 h 1894568"/>
                <a:gd name="connsiteX4" fmla="*/ 1918643 w 2838304"/>
                <a:gd name="connsiteY4" fmla="*/ 0 h 1894568"/>
                <a:gd name="connsiteX5" fmla="*/ 2608417 w 2838304"/>
                <a:gd name="connsiteY5" fmla="*/ 0 h 1894568"/>
                <a:gd name="connsiteX6" fmla="*/ 2838304 w 2838304"/>
                <a:gd name="connsiteY6" fmla="*/ 229887 h 1894568"/>
                <a:gd name="connsiteX7" fmla="*/ 2838304 w 2838304"/>
                <a:gd name="connsiteY7" fmla="*/ 665108 h 1894568"/>
                <a:gd name="connsiteX8" fmla="*/ 2838304 w 2838304"/>
                <a:gd name="connsiteY8" fmla="*/ 1143373 h 1894568"/>
                <a:gd name="connsiteX9" fmla="*/ 2838304 w 2838304"/>
                <a:gd name="connsiteY9" fmla="*/ 1664681 h 1894568"/>
                <a:gd name="connsiteX10" fmla="*/ 2608417 w 2838304"/>
                <a:gd name="connsiteY10" fmla="*/ 1894568 h 1894568"/>
                <a:gd name="connsiteX11" fmla="*/ 2085140 w 2838304"/>
                <a:gd name="connsiteY11" fmla="*/ 1894568 h 1894568"/>
                <a:gd name="connsiteX12" fmla="*/ 1561864 w 2838304"/>
                <a:gd name="connsiteY12" fmla="*/ 1894568 h 1894568"/>
                <a:gd name="connsiteX13" fmla="*/ 967231 w 2838304"/>
                <a:gd name="connsiteY13" fmla="*/ 1894568 h 1894568"/>
                <a:gd name="connsiteX14" fmla="*/ 229887 w 2838304"/>
                <a:gd name="connsiteY14" fmla="*/ 1894568 h 1894568"/>
                <a:gd name="connsiteX15" fmla="*/ 0 w 2838304"/>
                <a:gd name="connsiteY15" fmla="*/ 1664681 h 1894568"/>
                <a:gd name="connsiteX16" fmla="*/ 0 w 2838304"/>
                <a:gd name="connsiteY16" fmla="*/ 1186416 h 1894568"/>
                <a:gd name="connsiteX17" fmla="*/ 0 w 2838304"/>
                <a:gd name="connsiteY17" fmla="*/ 722500 h 1894568"/>
                <a:gd name="connsiteX18" fmla="*/ 0 w 2838304"/>
                <a:gd name="connsiteY18" fmla="*/ 229887 h 18945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2838304" h="1894568" fill="none" extrusionOk="0">
                  <a:moveTo>
                    <a:pt x="0" y="229887"/>
                  </a:moveTo>
                  <a:cubicBezTo>
                    <a:pt x="10842" y="99762"/>
                    <a:pt x="110067" y="3718"/>
                    <a:pt x="229887" y="0"/>
                  </a:cubicBezTo>
                  <a:cubicBezTo>
                    <a:pt x="358904" y="22815"/>
                    <a:pt x="575906" y="12617"/>
                    <a:pt x="824520" y="0"/>
                  </a:cubicBezTo>
                  <a:cubicBezTo>
                    <a:pt x="1073134" y="-12617"/>
                    <a:pt x="1089000" y="21172"/>
                    <a:pt x="1347796" y="0"/>
                  </a:cubicBezTo>
                  <a:cubicBezTo>
                    <a:pt x="1606592" y="-21172"/>
                    <a:pt x="1708246" y="-24358"/>
                    <a:pt x="1918643" y="0"/>
                  </a:cubicBezTo>
                  <a:cubicBezTo>
                    <a:pt x="2129040" y="24358"/>
                    <a:pt x="2308493" y="-11834"/>
                    <a:pt x="2608417" y="0"/>
                  </a:cubicBezTo>
                  <a:cubicBezTo>
                    <a:pt x="2747127" y="-27976"/>
                    <a:pt x="2840014" y="94284"/>
                    <a:pt x="2838304" y="229887"/>
                  </a:cubicBezTo>
                  <a:cubicBezTo>
                    <a:pt x="2844427" y="370893"/>
                    <a:pt x="2833200" y="534921"/>
                    <a:pt x="2838304" y="665108"/>
                  </a:cubicBezTo>
                  <a:cubicBezTo>
                    <a:pt x="2843408" y="795295"/>
                    <a:pt x="2847826" y="1030129"/>
                    <a:pt x="2838304" y="1143373"/>
                  </a:cubicBezTo>
                  <a:cubicBezTo>
                    <a:pt x="2828782" y="1256618"/>
                    <a:pt x="2844013" y="1440760"/>
                    <a:pt x="2838304" y="1664681"/>
                  </a:cubicBezTo>
                  <a:cubicBezTo>
                    <a:pt x="2849227" y="1788390"/>
                    <a:pt x="2733095" y="1907996"/>
                    <a:pt x="2608417" y="1894568"/>
                  </a:cubicBezTo>
                  <a:cubicBezTo>
                    <a:pt x="2367170" y="1916888"/>
                    <a:pt x="2263814" y="1894579"/>
                    <a:pt x="2085140" y="1894568"/>
                  </a:cubicBezTo>
                  <a:cubicBezTo>
                    <a:pt x="1906466" y="1894557"/>
                    <a:pt x="1704064" y="1895604"/>
                    <a:pt x="1561864" y="1894568"/>
                  </a:cubicBezTo>
                  <a:cubicBezTo>
                    <a:pt x="1419664" y="1893532"/>
                    <a:pt x="1132387" y="1911769"/>
                    <a:pt x="967231" y="1894568"/>
                  </a:cubicBezTo>
                  <a:cubicBezTo>
                    <a:pt x="802075" y="1877367"/>
                    <a:pt x="501893" y="1885111"/>
                    <a:pt x="229887" y="1894568"/>
                  </a:cubicBezTo>
                  <a:cubicBezTo>
                    <a:pt x="91369" y="1879910"/>
                    <a:pt x="-27108" y="1803197"/>
                    <a:pt x="0" y="1664681"/>
                  </a:cubicBezTo>
                  <a:cubicBezTo>
                    <a:pt x="4539" y="1484455"/>
                    <a:pt x="10716" y="1303483"/>
                    <a:pt x="0" y="1186416"/>
                  </a:cubicBezTo>
                  <a:cubicBezTo>
                    <a:pt x="-10716" y="1069349"/>
                    <a:pt x="13702" y="921380"/>
                    <a:pt x="0" y="722500"/>
                  </a:cubicBezTo>
                  <a:cubicBezTo>
                    <a:pt x="-13702" y="523620"/>
                    <a:pt x="3136" y="438380"/>
                    <a:pt x="0" y="229887"/>
                  </a:cubicBezTo>
                  <a:close/>
                </a:path>
                <a:path w="2838304" h="1894568" stroke="0" extrusionOk="0">
                  <a:moveTo>
                    <a:pt x="0" y="229887"/>
                  </a:moveTo>
                  <a:cubicBezTo>
                    <a:pt x="14900" y="120307"/>
                    <a:pt x="106220" y="-5679"/>
                    <a:pt x="229887" y="0"/>
                  </a:cubicBezTo>
                  <a:cubicBezTo>
                    <a:pt x="360588" y="28873"/>
                    <a:pt x="565439" y="23532"/>
                    <a:pt x="848305" y="0"/>
                  </a:cubicBezTo>
                  <a:cubicBezTo>
                    <a:pt x="1131171" y="-23532"/>
                    <a:pt x="1250359" y="27535"/>
                    <a:pt x="1419152" y="0"/>
                  </a:cubicBezTo>
                  <a:cubicBezTo>
                    <a:pt x="1587945" y="-27535"/>
                    <a:pt x="1843229" y="23298"/>
                    <a:pt x="1966214" y="0"/>
                  </a:cubicBezTo>
                  <a:cubicBezTo>
                    <a:pt x="2089199" y="-23298"/>
                    <a:pt x="2358352" y="171"/>
                    <a:pt x="2608417" y="0"/>
                  </a:cubicBezTo>
                  <a:cubicBezTo>
                    <a:pt x="2739004" y="360"/>
                    <a:pt x="2859176" y="108780"/>
                    <a:pt x="2838304" y="229887"/>
                  </a:cubicBezTo>
                  <a:cubicBezTo>
                    <a:pt x="2814872" y="440180"/>
                    <a:pt x="2827992" y="504421"/>
                    <a:pt x="2838304" y="722500"/>
                  </a:cubicBezTo>
                  <a:cubicBezTo>
                    <a:pt x="2848616" y="940579"/>
                    <a:pt x="2836161" y="1014972"/>
                    <a:pt x="2838304" y="1172068"/>
                  </a:cubicBezTo>
                  <a:cubicBezTo>
                    <a:pt x="2840447" y="1329164"/>
                    <a:pt x="2851797" y="1535852"/>
                    <a:pt x="2838304" y="1664681"/>
                  </a:cubicBezTo>
                  <a:cubicBezTo>
                    <a:pt x="2826805" y="1808144"/>
                    <a:pt x="2733665" y="1884854"/>
                    <a:pt x="2608417" y="1894568"/>
                  </a:cubicBezTo>
                  <a:cubicBezTo>
                    <a:pt x="2404704" y="1913674"/>
                    <a:pt x="2218112" y="1910826"/>
                    <a:pt x="2037570" y="1894568"/>
                  </a:cubicBezTo>
                  <a:cubicBezTo>
                    <a:pt x="1857028" y="1878310"/>
                    <a:pt x="1704342" y="1905435"/>
                    <a:pt x="1466723" y="1894568"/>
                  </a:cubicBezTo>
                  <a:cubicBezTo>
                    <a:pt x="1229104" y="1883701"/>
                    <a:pt x="1181417" y="1882901"/>
                    <a:pt x="919661" y="1894568"/>
                  </a:cubicBezTo>
                  <a:cubicBezTo>
                    <a:pt x="657905" y="1906235"/>
                    <a:pt x="404957" y="1862170"/>
                    <a:pt x="229887" y="1894568"/>
                  </a:cubicBezTo>
                  <a:cubicBezTo>
                    <a:pt x="86680" y="1885356"/>
                    <a:pt x="9380" y="1779614"/>
                    <a:pt x="0" y="1664681"/>
                  </a:cubicBezTo>
                  <a:cubicBezTo>
                    <a:pt x="-20882" y="1566327"/>
                    <a:pt x="19907" y="1333671"/>
                    <a:pt x="0" y="1215112"/>
                  </a:cubicBezTo>
                  <a:cubicBezTo>
                    <a:pt x="-19907" y="1096553"/>
                    <a:pt x="10319" y="961631"/>
                    <a:pt x="0" y="722500"/>
                  </a:cubicBezTo>
                  <a:cubicBezTo>
                    <a:pt x="-10319" y="483369"/>
                    <a:pt x="-14157" y="439587"/>
                    <a:pt x="0" y="229887"/>
                  </a:cubicBezTo>
                  <a:close/>
                </a:path>
              </a:pathLst>
            </a:custGeom>
            <a:ln w="19050">
              <a:solidFill>
                <a:srgbClr val="00B050"/>
              </a:solidFill>
              <a:extLst>
                <a:ext uri="{C807C97D-BFC1-408E-A445-0C87EB9F89A2}">
                  <ask:lineSketchStyleProps xmlns:ask="http://schemas.microsoft.com/office/drawing/2018/sketchyshapes" sd="2944534569">
                    <a:prstGeom prst="roundRect">
                      <a:avLst>
                        <a:gd name="adj" fmla="val 12134"/>
                      </a:avLst>
                    </a:prstGeom>
                    <ask:type>
                      <ask:lineSketchFreehand/>
                    </ask:type>
                  </ask:lineSketchStyleProps>
                </a:ext>
              </a:extLst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</p:pic>
        <p:pic>
          <p:nvPicPr>
            <p:cNvPr id="17" name="Graphic 16" descr="Checkmark with solid fill">
              <a:extLst>
                <a:ext uri="{FF2B5EF4-FFF2-40B4-BE49-F238E27FC236}">
                  <a16:creationId xmlns:a16="http://schemas.microsoft.com/office/drawing/2014/main" id="{CB06837C-8AE7-CA7E-2C8D-CD554CB09F97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p:blipFill>
          <p:spPr>
            <a:xfrm>
              <a:off x="3292378" y="2133511"/>
              <a:ext cx="490416" cy="490416"/>
            </a:xfrm>
            <a:prstGeom prst="rect">
              <a:avLst/>
            </a:prstGeom>
          </p:spPr>
        </p:pic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04A09A8A-7ED2-6E67-91E0-14EDE26BD489}"/>
              </a:ext>
            </a:extLst>
          </p:cNvPr>
          <p:cNvGrpSpPr/>
          <p:nvPr/>
        </p:nvGrpSpPr>
        <p:grpSpPr>
          <a:xfrm>
            <a:off x="1512422" y="3867961"/>
            <a:ext cx="2836800" cy="1952073"/>
            <a:chOff x="1475247" y="3920465"/>
            <a:chExt cx="2836800" cy="1952073"/>
          </a:xfrm>
        </p:grpSpPr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DD76F199-34FA-13CA-B8B7-A3252B1F590D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8" r="18"/>
            <a:stretch/>
          </p:blipFill>
          <p:spPr>
            <a:xfrm>
              <a:off x="1475247" y="3920465"/>
              <a:ext cx="2836800" cy="1952073"/>
            </a:xfrm>
            <a:custGeom>
              <a:avLst/>
              <a:gdLst>
                <a:gd name="connsiteX0" fmla="*/ 0 w 2836800"/>
                <a:gd name="connsiteY0" fmla="*/ 236865 h 1952073"/>
                <a:gd name="connsiteX1" fmla="*/ 236865 w 2836800"/>
                <a:gd name="connsiteY1" fmla="*/ 0 h 1952073"/>
                <a:gd name="connsiteX2" fmla="*/ 827633 w 2836800"/>
                <a:gd name="connsiteY2" fmla="*/ 0 h 1952073"/>
                <a:gd name="connsiteX3" fmla="*/ 1347508 w 2836800"/>
                <a:gd name="connsiteY3" fmla="*/ 0 h 1952073"/>
                <a:gd name="connsiteX4" fmla="*/ 1914645 w 2836800"/>
                <a:gd name="connsiteY4" fmla="*/ 0 h 1952073"/>
                <a:gd name="connsiteX5" fmla="*/ 2599935 w 2836800"/>
                <a:gd name="connsiteY5" fmla="*/ 0 h 1952073"/>
                <a:gd name="connsiteX6" fmla="*/ 2836800 w 2836800"/>
                <a:gd name="connsiteY6" fmla="*/ 236865 h 1952073"/>
                <a:gd name="connsiteX7" fmla="*/ 2836800 w 2836800"/>
                <a:gd name="connsiteY7" fmla="*/ 685296 h 1952073"/>
                <a:gd name="connsiteX8" fmla="*/ 2836800 w 2836800"/>
                <a:gd name="connsiteY8" fmla="*/ 1178077 h 1952073"/>
                <a:gd name="connsiteX9" fmla="*/ 2836800 w 2836800"/>
                <a:gd name="connsiteY9" fmla="*/ 1715208 h 1952073"/>
                <a:gd name="connsiteX10" fmla="*/ 2599935 w 2836800"/>
                <a:gd name="connsiteY10" fmla="*/ 1952073 h 1952073"/>
                <a:gd name="connsiteX11" fmla="*/ 2080060 w 2836800"/>
                <a:gd name="connsiteY11" fmla="*/ 1952073 h 1952073"/>
                <a:gd name="connsiteX12" fmla="*/ 1560184 w 2836800"/>
                <a:gd name="connsiteY12" fmla="*/ 1952073 h 1952073"/>
                <a:gd name="connsiteX13" fmla="*/ 969417 w 2836800"/>
                <a:gd name="connsiteY13" fmla="*/ 1952073 h 1952073"/>
                <a:gd name="connsiteX14" fmla="*/ 236865 w 2836800"/>
                <a:gd name="connsiteY14" fmla="*/ 1952073 h 1952073"/>
                <a:gd name="connsiteX15" fmla="*/ 0 w 2836800"/>
                <a:gd name="connsiteY15" fmla="*/ 1715208 h 1952073"/>
                <a:gd name="connsiteX16" fmla="*/ 0 w 2836800"/>
                <a:gd name="connsiteY16" fmla="*/ 1222427 h 1952073"/>
                <a:gd name="connsiteX17" fmla="*/ 0 w 2836800"/>
                <a:gd name="connsiteY17" fmla="*/ 744429 h 1952073"/>
                <a:gd name="connsiteX18" fmla="*/ 0 w 2836800"/>
                <a:gd name="connsiteY18" fmla="*/ 236865 h 195207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2836800" h="1952073" fill="none" extrusionOk="0">
                  <a:moveTo>
                    <a:pt x="0" y="236865"/>
                  </a:moveTo>
                  <a:cubicBezTo>
                    <a:pt x="13089" y="102231"/>
                    <a:pt x="117853" y="6144"/>
                    <a:pt x="236865" y="0"/>
                  </a:cubicBezTo>
                  <a:cubicBezTo>
                    <a:pt x="391913" y="2915"/>
                    <a:pt x="686419" y="-11466"/>
                    <a:pt x="827633" y="0"/>
                  </a:cubicBezTo>
                  <a:cubicBezTo>
                    <a:pt x="968847" y="11466"/>
                    <a:pt x="1144989" y="-10444"/>
                    <a:pt x="1347508" y="0"/>
                  </a:cubicBezTo>
                  <a:cubicBezTo>
                    <a:pt x="1550028" y="10444"/>
                    <a:pt x="1657967" y="16557"/>
                    <a:pt x="1914645" y="0"/>
                  </a:cubicBezTo>
                  <a:cubicBezTo>
                    <a:pt x="2171323" y="-16557"/>
                    <a:pt x="2367645" y="-27588"/>
                    <a:pt x="2599935" y="0"/>
                  </a:cubicBezTo>
                  <a:cubicBezTo>
                    <a:pt x="2741000" y="-24405"/>
                    <a:pt x="2841786" y="80855"/>
                    <a:pt x="2836800" y="236865"/>
                  </a:cubicBezTo>
                  <a:cubicBezTo>
                    <a:pt x="2831847" y="372291"/>
                    <a:pt x="2837759" y="593519"/>
                    <a:pt x="2836800" y="685296"/>
                  </a:cubicBezTo>
                  <a:cubicBezTo>
                    <a:pt x="2835841" y="777073"/>
                    <a:pt x="2848773" y="1009526"/>
                    <a:pt x="2836800" y="1178077"/>
                  </a:cubicBezTo>
                  <a:cubicBezTo>
                    <a:pt x="2824827" y="1346628"/>
                    <a:pt x="2853731" y="1480917"/>
                    <a:pt x="2836800" y="1715208"/>
                  </a:cubicBezTo>
                  <a:cubicBezTo>
                    <a:pt x="2857794" y="1839772"/>
                    <a:pt x="2726104" y="1979384"/>
                    <a:pt x="2599935" y="1952073"/>
                  </a:cubicBezTo>
                  <a:cubicBezTo>
                    <a:pt x="2396325" y="1967557"/>
                    <a:pt x="2269284" y="1934718"/>
                    <a:pt x="2080060" y="1952073"/>
                  </a:cubicBezTo>
                  <a:cubicBezTo>
                    <a:pt x="1890836" y="1969428"/>
                    <a:pt x="1783655" y="1933720"/>
                    <a:pt x="1560184" y="1952073"/>
                  </a:cubicBezTo>
                  <a:cubicBezTo>
                    <a:pt x="1336713" y="1970426"/>
                    <a:pt x="1230802" y="1962796"/>
                    <a:pt x="969417" y="1952073"/>
                  </a:cubicBezTo>
                  <a:cubicBezTo>
                    <a:pt x="708032" y="1941350"/>
                    <a:pt x="549217" y="1922844"/>
                    <a:pt x="236865" y="1952073"/>
                  </a:cubicBezTo>
                  <a:cubicBezTo>
                    <a:pt x="96937" y="1940515"/>
                    <a:pt x="-11635" y="1850984"/>
                    <a:pt x="0" y="1715208"/>
                  </a:cubicBezTo>
                  <a:cubicBezTo>
                    <a:pt x="13074" y="1554234"/>
                    <a:pt x="-19895" y="1401089"/>
                    <a:pt x="0" y="1222427"/>
                  </a:cubicBezTo>
                  <a:cubicBezTo>
                    <a:pt x="19895" y="1043765"/>
                    <a:pt x="22987" y="932737"/>
                    <a:pt x="0" y="744429"/>
                  </a:cubicBezTo>
                  <a:cubicBezTo>
                    <a:pt x="-22987" y="556121"/>
                    <a:pt x="22794" y="490545"/>
                    <a:pt x="0" y="236865"/>
                  </a:cubicBezTo>
                  <a:close/>
                </a:path>
                <a:path w="2836800" h="1952073" stroke="0" extrusionOk="0">
                  <a:moveTo>
                    <a:pt x="0" y="236865"/>
                  </a:moveTo>
                  <a:cubicBezTo>
                    <a:pt x="8443" y="115898"/>
                    <a:pt x="110996" y="-8523"/>
                    <a:pt x="236865" y="0"/>
                  </a:cubicBezTo>
                  <a:cubicBezTo>
                    <a:pt x="539167" y="-29087"/>
                    <a:pt x="631273" y="14035"/>
                    <a:pt x="851263" y="0"/>
                  </a:cubicBezTo>
                  <a:cubicBezTo>
                    <a:pt x="1071253" y="-14035"/>
                    <a:pt x="1249559" y="-18526"/>
                    <a:pt x="1418400" y="0"/>
                  </a:cubicBezTo>
                  <a:cubicBezTo>
                    <a:pt x="1587241" y="18526"/>
                    <a:pt x="1704986" y="10816"/>
                    <a:pt x="1961906" y="0"/>
                  </a:cubicBezTo>
                  <a:cubicBezTo>
                    <a:pt x="2218826" y="-10816"/>
                    <a:pt x="2403401" y="2062"/>
                    <a:pt x="2599935" y="0"/>
                  </a:cubicBezTo>
                  <a:cubicBezTo>
                    <a:pt x="2737125" y="633"/>
                    <a:pt x="2863689" y="113593"/>
                    <a:pt x="2836800" y="236865"/>
                  </a:cubicBezTo>
                  <a:cubicBezTo>
                    <a:pt x="2849426" y="386786"/>
                    <a:pt x="2827760" y="637680"/>
                    <a:pt x="2836800" y="744429"/>
                  </a:cubicBezTo>
                  <a:cubicBezTo>
                    <a:pt x="2845840" y="851178"/>
                    <a:pt x="2830556" y="989009"/>
                    <a:pt x="2836800" y="1207644"/>
                  </a:cubicBezTo>
                  <a:cubicBezTo>
                    <a:pt x="2843044" y="1426280"/>
                    <a:pt x="2848524" y="1530495"/>
                    <a:pt x="2836800" y="1715208"/>
                  </a:cubicBezTo>
                  <a:cubicBezTo>
                    <a:pt x="2826439" y="1860892"/>
                    <a:pt x="2726070" y="1925547"/>
                    <a:pt x="2599935" y="1952073"/>
                  </a:cubicBezTo>
                  <a:cubicBezTo>
                    <a:pt x="2423387" y="1963118"/>
                    <a:pt x="2157767" y="1962287"/>
                    <a:pt x="2032798" y="1952073"/>
                  </a:cubicBezTo>
                  <a:cubicBezTo>
                    <a:pt x="1907829" y="1941859"/>
                    <a:pt x="1696324" y="1946294"/>
                    <a:pt x="1465661" y="1952073"/>
                  </a:cubicBezTo>
                  <a:cubicBezTo>
                    <a:pt x="1234998" y="1957852"/>
                    <a:pt x="1053803" y="1944480"/>
                    <a:pt x="922155" y="1952073"/>
                  </a:cubicBezTo>
                  <a:cubicBezTo>
                    <a:pt x="790507" y="1959666"/>
                    <a:pt x="495789" y="1939550"/>
                    <a:pt x="236865" y="1952073"/>
                  </a:cubicBezTo>
                  <a:cubicBezTo>
                    <a:pt x="98861" y="1947997"/>
                    <a:pt x="4102" y="1840764"/>
                    <a:pt x="0" y="1715208"/>
                  </a:cubicBezTo>
                  <a:cubicBezTo>
                    <a:pt x="2680" y="1586341"/>
                    <a:pt x="18310" y="1403589"/>
                    <a:pt x="0" y="1251994"/>
                  </a:cubicBezTo>
                  <a:cubicBezTo>
                    <a:pt x="-18310" y="1100399"/>
                    <a:pt x="-8075" y="930271"/>
                    <a:pt x="0" y="744429"/>
                  </a:cubicBezTo>
                  <a:cubicBezTo>
                    <a:pt x="8075" y="558587"/>
                    <a:pt x="-18972" y="463229"/>
                    <a:pt x="0" y="236865"/>
                  </a:cubicBezTo>
                  <a:close/>
                </a:path>
              </a:pathLst>
            </a:custGeom>
            <a:ln w="19050">
              <a:solidFill>
                <a:srgbClr val="FF0000"/>
              </a:solidFill>
              <a:extLst>
                <a:ext uri="{C807C97D-BFC1-408E-A445-0C87EB9F89A2}">
                  <ask:lineSketchStyleProps xmlns:ask="http://schemas.microsoft.com/office/drawing/2018/sketchyshapes" sd="2944534569">
                    <a:prstGeom prst="roundRect">
                      <a:avLst>
                        <a:gd name="adj" fmla="val 12134"/>
                      </a:avLst>
                    </a:prstGeom>
                    <ask:type>
                      <ask:lineSketchFreehand/>
                    </ask:type>
                  </ask:lineSketchStyleProps>
                </a:ext>
              </a:extLst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</p:pic>
        <p:pic>
          <p:nvPicPr>
            <p:cNvPr id="23" name="Graphic 22" descr="Close with solid fill">
              <a:extLst>
                <a:ext uri="{FF2B5EF4-FFF2-40B4-BE49-F238E27FC236}">
                  <a16:creationId xmlns:a16="http://schemas.microsoft.com/office/drawing/2014/main" id="{C732AB76-F8F6-D1F9-2E9A-FE1BA6788BDE}"/>
                </a:ext>
              </a:extLst>
            </p:cNvPr>
            <p:cNvPicPr>
              <a:picLocks noChangeAspect="1"/>
            </p:cNvPicPr>
            <p:nvPr/>
          </p:nvPicPr>
          <p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p:blipFill>
          <p:spPr>
            <a:xfrm>
              <a:off x="1573469" y="3996019"/>
              <a:ext cx="624548" cy="624548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400243236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63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556E-17 -3.7037E-6 L 0.30521 0.05602 " pathEditMode="relative" rAng="0" ptsTypes="AA">
                                      <p:cBhvr>
                                        <p:cTn id="14" dur="500" spd="-100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5260" y="2801"/>
                                    </p:animMotion>
                                  </p:childTnLst>
                                </p:cTn>
                              </p:par>
                              <p:par>
                                <p:cTn id="15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63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58333E-6 0 L 0.3004 -0.2838 " pathEditMode="relative" rAng="0" ptsTypes="AA">
                                      <p:cBhvr>
                                        <p:cTn id="21" dur="500" spd="-100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5013" y="-1419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C69C2B3F-9D6C-704B-CC62-D552E345365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n the baby penguins grow up, they will look like this.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78E5C19C-0115-F09D-7E07-479003DEAFD2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27ECE2FA-2F58-8E91-F7F7-3A5D9AA6F364}"/>
                </a:ext>
              </a:extLst>
            </p:cNvPr>
            <p:cNvCxnSpPr>
              <a:cxnSpLocks/>
              <a:stCxn id="16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6" name="圓角矩形 10">
              <a:extLst>
                <a:ext uri="{FF2B5EF4-FFF2-40B4-BE49-F238E27FC236}">
                  <a16:creationId xmlns:a16="http://schemas.microsoft.com/office/drawing/2014/main" id="{EEEE4F21-C78C-6A9B-4496-7E20A0139684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58BD8118-8849-CAE2-F02C-2EC09189D80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086607" y="1962300"/>
            <a:ext cx="3662923" cy="239305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B512C6D1-3FB9-F7F5-5E1A-FD632681407D}"/>
              </a:ext>
            </a:extLst>
          </p:cNvPr>
          <p:cNvCxnSpPr>
            <a:cxnSpLocks/>
          </p:cNvCxnSpPr>
          <p:nvPr/>
        </p:nvCxnSpPr>
        <p:spPr>
          <a:xfrm>
            <a:off x="5360104" y="3826118"/>
            <a:ext cx="311593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320AE807-25BC-C23D-EE20-1EDBC5681FD5}"/>
              </a:ext>
            </a:extLst>
          </p:cNvPr>
          <p:cNvCxnSpPr>
            <a:cxnSpLocks/>
          </p:cNvCxnSpPr>
          <p:nvPr/>
        </p:nvCxnSpPr>
        <p:spPr>
          <a:xfrm flipV="1">
            <a:off x="5360104" y="4082600"/>
            <a:ext cx="1150943" cy="3148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2" name="Group 21">
            <a:extLst>
              <a:ext uri="{FF2B5EF4-FFF2-40B4-BE49-F238E27FC236}">
                <a16:creationId xmlns:a16="http://schemas.microsoft.com/office/drawing/2014/main" id="{8FE78CC6-5956-07C8-2AC6-847D05F70597}"/>
              </a:ext>
            </a:extLst>
          </p:cNvPr>
          <p:cNvGrpSpPr/>
          <p:nvPr/>
        </p:nvGrpSpPr>
        <p:grpSpPr>
          <a:xfrm>
            <a:off x="1347437" y="2267907"/>
            <a:ext cx="4638316" cy="2322186"/>
            <a:chOff x="1347437" y="2267907"/>
            <a:chExt cx="4638316" cy="2322186"/>
          </a:xfrm>
        </p:grpSpPr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47E06103-0ECB-2AA2-9600-8D7A1A990D60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0466" r="22868"/>
            <a:stretch/>
          </p:blipFill>
          <p:spPr>
            <a:xfrm>
              <a:off x="1347437" y="2267907"/>
              <a:ext cx="2322186" cy="2322186"/>
            </a:xfrm>
            <a:custGeom>
              <a:avLst/>
              <a:gdLst>
                <a:gd name="connsiteX0" fmla="*/ 0 w 2322186"/>
                <a:gd name="connsiteY0" fmla="*/ 281774 h 2322186"/>
                <a:gd name="connsiteX1" fmla="*/ 281774 w 2322186"/>
                <a:gd name="connsiteY1" fmla="*/ 0 h 2322186"/>
                <a:gd name="connsiteX2" fmla="*/ 815228 w 2322186"/>
                <a:gd name="connsiteY2" fmla="*/ 0 h 2322186"/>
                <a:gd name="connsiteX3" fmla="*/ 1383854 w 2322186"/>
                <a:gd name="connsiteY3" fmla="*/ 0 h 2322186"/>
                <a:gd name="connsiteX4" fmla="*/ 2040412 w 2322186"/>
                <a:gd name="connsiteY4" fmla="*/ 0 h 2322186"/>
                <a:gd name="connsiteX5" fmla="*/ 2322186 w 2322186"/>
                <a:gd name="connsiteY5" fmla="*/ 281774 h 2322186"/>
                <a:gd name="connsiteX6" fmla="*/ 2322186 w 2322186"/>
                <a:gd name="connsiteY6" fmla="*/ 850400 h 2322186"/>
                <a:gd name="connsiteX7" fmla="*/ 2322186 w 2322186"/>
                <a:gd name="connsiteY7" fmla="*/ 1419027 h 2322186"/>
                <a:gd name="connsiteX8" fmla="*/ 2322186 w 2322186"/>
                <a:gd name="connsiteY8" fmla="*/ 2040412 h 2322186"/>
                <a:gd name="connsiteX9" fmla="*/ 2040412 w 2322186"/>
                <a:gd name="connsiteY9" fmla="*/ 2322186 h 2322186"/>
                <a:gd name="connsiteX10" fmla="*/ 1419027 w 2322186"/>
                <a:gd name="connsiteY10" fmla="*/ 2322186 h 2322186"/>
                <a:gd name="connsiteX11" fmla="*/ 885573 w 2322186"/>
                <a:gd name="connsiteY11" fmla="*/ 2322186 h 2322186"/>
                <a:gd name="connsiteX12" fmla="*/ 281774 w 2322186"/>
                <a:gd name="connsiteY12" fmla="*/ 2322186 h 2322186"/>
                <a:gd name="connsiteX13" fmla="*/ 0 w 2322186"/>
                <a:gd name="connsiteY13" fmla="*/ 2040412 h 2322186"/>
                <a:gd name="connsiteX14" fmla="*/ 0 w 2322186"/>
                <a:gd name="connsiteY14" fmla="*/ 1506958 h 2322186"/>
                <a:gd name="connsiteX15" fmla="*/ 0 w 2322186"/>
                <a:gd name="connsiteY15" fmla="*/ 920746 h 2322186"/>
                <a:gd name="connsiteX16" fmla="*/ 0 w 2322186"/>
                <a:gd name="connsiteY16" fmla="*/ 281774 h 232218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2322186" h="2322186" fill="none" extrusionOk="0">
                  <a:moveTo>
                    <a:pt x="0" y="281774"/>
                  </a:moveTo>
                  <a:cubicBezTo>
                    <a:pt x="-264" y="103283"/>
                    <a:pt x="135637" y="7873"/>
                    <a:pt x="281774" y="0"/>
                  </a:cubicBezTo>
                  <a:cubicBezTo>
                    <a:pt x="513011" y="5916"/>
                    <a:pt x="670316" y="-10358"/>
                    <a:pt x="815228" y="0"/>
                  </a:cubicBezTo>
                  <a:cubicBezTo>
                    <a:pt x="960140" y="10358"/>
                    <a:pt x="1184433" y="18949"/>
                    <a:pt x="1383854" y="0"/>
                  </a:cubicBezTo>
                  <a:cubicBezTo>
                    <a:pt x="1583275" y="-18949"/>
                    <a:pt x="1765026" y="-14458"/>
                    <a:pt x="2040412" y="0"/>
                  </a:cubicBezTo>
                  <a:cubicBezTo>
                    <a:pt x="2198928" y="-8447"/>
                    <a:pt x="2320003" y="164641"/>
                    <a:pt x="2322186" y="281774"/>
                  </a:cubicBezTo>
                  <a:cubicBezTo>
                    <a:pt x="2317189" y="450338"/>
                    <a:pt x="2310247" y="622664"/>
                    <a:pt x="2322186" y="850400"/>
                  </a:cubicBezTo>
                  <a:cubicBezTo>
                    <a:pt x="2334125" y="1078136"/>
                    <a:pt x="2346074" y="1263631"/>
                    <a:pt x="2322186" y="1419027"/>
                  </a:cubicBezTo>
                  <a:cubicBezTo>
                    <a:pt x="2298298" y="1574423"/>
                    <a:pt x="2319785" y="1824984"/>
                    <a:pt x="2322186" y="2040412"/>
                  </a:cubicBezTo>
                  <a:cubicBezTo>
                    <a:pt x="2333910" y="2201283"/>
                    <a:pt x="2197754" y="2345599"/>
                    <a:pt x="2040412" y="2322186"/>
                  </a:cubicBezTo>
                  <a:cubicBezTo>
                    <a:pt x="1864894" y="2291572"/>
                    <a:pt x="1544861" y="2313362"/>
                    <a:pt x="1419027" y="2322186"/>
                  </a:cubicBezTo>
                  <a:cubicBezTo>
                    <a:pt x="1293193" y="2331010"/>
                    <a:pt x="1099012" y="2301978"/>
                    <a:pt x="885573" y="2322186"/>
                  </a:cubicBezTo>
                  <a:cubicBezTo>
                    <a:pt x="672134" y="2342394"/>
                    <a:pt x="566798" y="2326651"/>
                    <a:pt x="281774" y="2322186"/>
                  </a:cubicBezTo>
                  <a:cubicBezTo>
                    <a:pt x="105203" y="2294657"/>
                    <a:pt x="-2867" y="2173575"/>
                    <a:pt x="0" y="2040412"/>
                  </a:cubicBezTo>
                  <a:cubicBezTo>
                    <a:pt x="5796" y="1858177"/>
                    <a:pt x="-22552" y="1769105"/>
                    <a:pt x="0" y="1506958"/>
                  </a:cubicBezTo>
                  <a:cubicBezTo>
                    <a:pt x="22552" y="1244811"/>
                    <a:pt x="7596" y="1093491"/>
                    <a:pt x="0" y="920746"/>
                  </a:cubicBezTo>
                  <a:cubicBezTo>
                    <a:pt x="-7596" y="748001"/>
                    <a:pt x="8785" y="548126"/>
                    <a:pt x="0" y="281774"/>
                  </a:cubicBezTo>
                  <a:close/>
                </a:path>
                <a:path w="2322186" h="2322186" stroke="0" extrusionOk="0">
                  <a:moveTo>
                    <a:pt x="0" y="281774"/>
                  </a:moveTo>
                  <a:cubicBezTo>
                    <a:pt x="17680" y="146781"/>
                    <a:pt x="139368" y="-22761"/>
                    <a:pt x="281774" y="0"/>
                  </a:cubicBezTo>
                  <a:cubicBezTo>
                    <a:pt x="466633" y="-547"/>
                    <a:pt x="655324" y="-5409"/>
                    <a:pt x="885573" y="0"/>
                  </a:cubicBezTo>
                  <a:cubicBezTo>
                    <a:pt x="1115822" y="5409"/>
                    <a:pt x="1322581" y="-10018"/>
                    <a:pt x="1454199" y="0"/>
                  </a:cubicBezTo>
                  <a:cubicBezTo>
                    <a:pt x="1585817" y="10018"/>
                    <a:pt x="1802421" y="8973"/>
                    <a:pt x="2040412" y="0"/>
                  </a:cubicBezTo>
                  <a:cubicBezTo>
                    <a:pt x="2184364" y="-10337"/>
                    <a:pt x="2312224" y="107570"/>
                    <a:pt x="2322186" y="281774"/>
                  </a:cubicBezTo>
                  <a:cubicBezTo>
                    <a:pt x="2295219" y="422750"/>
                    <a:pt x="2318983" y="627425"/>
                    <a:pt x="2322186" y="832814"/>
                  </a:cubicBezTo>
                  <a:cubicBezTo>
                    <a:pt x="2325389" y="1038203"/>
                    <a:pt x="2301298" y="1119299"/>
                    <a:pt x="2322186" y="1383854"/>
                  </a:cubicBezTo>
                  <a:cubicBezTo>
                    <a:pt x="2343074" y="1648409"/>
                    <a:pt x="2293970" y="1864102"/>
                    <a:pt x="2322186" y="2040412"/>
                  </a:cubicBezTo>
                  <a:cubicBezTo>
                    <a:pt x="2325201" y="2192537"/>
                    <a:pt x="2200443" y="2319253"/>
                    <a:pt x="2040412" y="2322186"/>
                  </a:cubicBezTo>
                  <a:cubicBezTo>
                    <a:pt x="1754612" y="2352324"/>
                    <a:pt x="1723820" y="2295273"/>
                    <a:pt x="1419027" y="2322186"/>
                  </a:cubicBezTo>
                  <a:cubicBezTo>
                    <a:pt x="1114235" y="2349099"/>
                    <a:pt x="964657" y="2305323"/>
                    <a:pt x="850400" y="2322186"/>
                  </a:cubicBezTo>
                  <a:cubicBezTo>
                    <a:pt x="736143" y="2339049"/>
                    <a:pt x="487079" y="2325606"/>
                    <a:pt x="281774" y="2322186"/>
                  </a:cubicBezTo>
                  <a:cubicBezTo>
                    <a:pt x="128100" y="2318905"/>
                    <a:pt x="-37253" y="2193888"/>
                    <a:pt x="0" y="2040412"/>
                  </a:cubicBezTo>
                  <a:cubicBezTo>
                    <a:pt x="9804" y="1829660"/>
                    <a:pt x="-19302" y="1710960"/>
                    <a:pt x="0" y="1419027"/>
                  </a:cubicBezTo>
                  <a:cubicBezTo>
                    <a:pt x="19302" y="1127095"/>
                    <a:pt x="-28672" y="1093511"/>
                    <a:pt x="0" y="832814"/>
                  </a:cubicBezTo>
                  <a:cubicBezTo>
                    <a:pt x="28672" y="572117"/>
                    <a:pt x="-11879" y="501703"/>
                    <a:pt x="0" y="281774"/>
                  </a:cubicBezTo>
                  <a:close/>
                </a:path>
              </a:pathLst>
            </a:custGeom>
            <a:ln w="19050">
              <a:solidFill>
                <a:srgbClr val="3591CB"/>
              </a:solidFill>
              <a:extLst>
                <a:ext uri="{C807C97D-BFC1-408E-A445-0C87EB9F89A2}">
                  <ask:lineSketchStyleProps xmlns:ask="http://schemas.microsoft.com/office/drawing/2018/sketchyshapes" sd="2944534569">
                    <a:prstGeom prst="roundRect">
                      <a:avLst>
                        <a:gd name="adj" fmla="val 12134"/>
                      </a:avLst>
                    </a:prstGeom>
                    <ask:type>
                      <ask:lineSketchFreehand/>
                    </ask:type>
                  </ask:lineSketchStyleProps>
                </a:ext>
              </a:extLst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</p:pic>
        <p:sp>
          <p:nvSpPr>
            <p:cNvPr id="19" name="Freeform: Shape 18">
              <a:extLst>
                <a:ext uri="{FF2B5EF4-FFF2-40B4-BE49-F238E27FC236}">
                  <a16:creationId xmlns:a16="http://schemas.microsoft.com/office/drawing/2014/main" id="{94AB2558-2A5C-19DC-8BC6-3F0A8F07939C}"/>
                </a:ext>
              </a:extLst>
            </p:cNvPr>
            <p:cNvSpPr/>
            <p:nvPr/>
          </p:nvSpPr>
          <p:spPr>
            <a:xfrm>
              <a:off x="3300919" y="2361936"/>
              <a:ext cx="2684834" cy="549877"/>
            </a:xfrm>
            <a:custGeom>
              <a:avLst/>
              <a:gdLst>
                <a:gd name="connsiteX0" fmla="*/ 2684834 w 2684834"/>
                <a:gd name="connsiteY0" fmla="*/ 590144 h 667966"/>
                <a:gd name="connsiteX1" fmla="*/ 1575881 w 2684834"/>
                <a:gd name="connsiteY1" fmla="*/ 0 h 667966"/>
                <a:gd name="connsiteX2" fmla="*/ 1050587 w 2684834"/>
                <a:gd name="connsiteY2" fmla="*/ 382621 h 667966"/>
                <a:gd name="connsiteX3" fmla="*/ 1562911 w 2684834"/>
                <a:gd name="connsiteY3" fmla="*/ 337225 h 667966"/>
                <a:gd name="connsiteX4" fmla="*/ 1245141 w 2684834"/>
                <a:gd name="connsiteY4" fmla="*/ 6485 h 667966"/>
                <a:gd name="connsiteX5" fmla="*/ 0 w 2684834"/>
                <a:gd name="connsiteY5" fmla="*/ 667966 h 667966"/>
                <a:gd name="connsiteX0" fmla="*/ 2684834 w 2684834"/>
                <a:gd name="connsiteY0" fmla="*/ 592474 h 670296"/>
                <a:gd name="connsiteX1" fmla="*/ 1575881 w 2684834"/>
                <a:gd name="connsiteY1" fmla="*/ 2330 h 670296"/>
                <a:gd name="connsiteX2" fmla="*/ 1050587 w 2684834"/>
                <a:gd name="connsiteY2" fmla="*/ 384951 h 670296"/>
                <a:gd name="connsiteX3" fmla="*/ 1562911 w 2684834"/>
                <a:gd name="connsiteY3" fmla="*/ 339555 h 670296"/>
                <a:gd name="connsiteX4" fmla="*/ 1245141 w 2684834"/>
                <a:gd name="connsiteY4" fmla="*/ 8815 h 670296"/>
                <a:gd name="connsiteX5" fmla="*/ 0 w 2684834"/>
                <a:gd name="connsiteY5" fmla="*/ 670296 h 670296"/>
                <a:gd name="connsiteX0" fmla="*/ 2684834 w 2684834"/>
                <a:gd name="connsiteY0" fmla="*/ 592474 h 670296"/>
                <a:gd name="connsiteX1" fmla="*/ 1575881 w 2684834"/>
                <a:gd name="connsiteY1" fmla="*/ 2330 h 670296"/>
                <a:gd name="connsiteX2" fmla="*/ 1050587 w 2684834"/>
                <a:gd name="connsiteY2" fmla="*/ 384951 h 670296"/>
                <a:gd name="connsiteX3" fmla="*/ 1562911 w 2684834"/>
                <a:gd name="connsiteY3" fmla="*/ 339555 h 670296"/>
                <a:gd name="connsiteX4" fmla="*/ 1245141 w 2684834"/>
                <a:gd name="connsiteY4" fmla="*/ 8815 h 670296"/>
                <a:gd name="connsiteX5" fmla="*/ 0 w 2684834"/>
                <a:gd name="connsiteY5" fmla="*/ 670296 h 670296"/>
                <a:gd name="connsiteX0" fmla="*/ 2684834 w 2684834"/>
                <a:gd name="connsiteY0" fmla="*/ 592115 h 669937"/>
                <a:gd name="connsiteX1" fmla="*/ 1575881 w 2684834"/>
                <a:gd name="connsiteY1" fmla="*/ 1971 h 669937"/>
                <a:gd name="connsiteX2" fmla="*/ 1050587 w 2684834"/>
                <a:gd name="connsiteY2" fmla="*/ 384592 h 669937"/>
                <a:gd name="connsiteX3" fmla="*/ 1562911 w 2684834"/>
                <a:gd name="connsiteY3" fmla="*/ 339196 h 669937"/>
                <a:gd name="connsiteX4" fmla="*/ 1245141 w 2684834"/>
                <a:gd name="connsiteY4" fmla="*/ 8456 h 669937"/>
                <a:gd name="connsiteX5" fmla="*/ 0 w 2684834"/>
                <a:gd name="connsiteY5" fmla="*/ 669937 h 669937"/>
                <a:gd name="connsiteX0" fmla="*/ 2684834 w 2684834"/>
                <a:gd name="connsiteY0" fmla="*/ 593304 h 671126"/>
                <a:gd name="connsiteX1" fmla="*/ 1575881 w 2684834"/>
                <a:gd name="connsiteY1" fmla="*/ 3160 h 671126"/>
                <a:gd name="connsiteX2" fmla="*/ 1050587 w 2684834"/>
                <a:gd name="connsiteY2" fmla="*/ 385781 h 671126"/>
                <a:gd name="connsiteX3" fmla="*/ 1562911 w 2684834"/>
                <a:gd name="connsiteY3" fmla="*/ 340385 h 671126"/>
                <a:gd name="connsiteX4" fmla="*/ 1245141 w 2684834"/>
                <a:gd name="connsiteY4" fmla="*/ 9645 h 671126"/>
                <a:gd name="connsiteX5" fmla="*/ 0 w 2684834"/>
                <a:gd name="connsiteY5" fmla="*/ 671126 h 671126"/>
                <a:gd name="connsiteX0" fmla="*/ 2684834 w 2684834"/>
                <a:gd name="connsiteY0" fmla="*/ 591880 h 669702"/>
                <a:gd name="connsiteX1" fmla="*/ 1575881 w 2684834"/>
                <a:gd name="connsiteY1" fmla="*/ 1736 h 669702"/>
                <a:gd name="connsiteX2" fmla="*/ 1193260 w 2684834"/>
                <a:gd name="connsiteY2" fmla="*/ 429753 h 669702"/>
                <a:gd name="connsiteX3" fmla="*/ 1562911 w 2684834"/>
                <a:gd name="connsiteY3" fmla="*/ 338961 h 669702"/>
                <a:gd name="connsiteX4" fmla="*/ 1245141 w 2684834"/>
                <a:gd name="connsiteY4" fmla="*/ 8221 h 669702"/>
                <a:gd name="connsiteX5" fmla="*/ 0 w 2684834"/>
                <a:gd name="connsiteY5" fmla="*/ 669702 h 669702"/>
                <a:gd name="connsiteX0" fmla="*/ 2684834 w 2684834"/>
                <a:gd name="connsiteY0" fmla="*/ 591880 h 669702"/>
                <a:gd name="connsiteX1" fmla="*/ 1575881 w 2684834"/>
                <a:gd name="connsiteY1" fmla="*/ 1736 h 669702"/>
                <a:gd name="connsiteX2" fmla="*/ 1193260 w 2684834"/>
                <a:gd name="connsiteY2" fmla="*/ 429753 h 669702"/>
                <a:gd name="connsiteX3" fmla="*/ 1562911 w 2684834"/>
                <a:gd name="connsiteY3" fmla="*/ 338961 h 669702"/>
                <a:gd name="connsiteX4" fmla="*/ 1245141 w 2684834"/>
                <a:gd name="connsiteY4" fmla="*/ 8221 h 669702"/>
                <a:gd name="connsiteX5" fmla="*/ 0 w 2684834"/>
                <a:gd name="connsiteY5" fmla="*/ 669702 h 669702"/>
                <a:gd name="connsiteX0" fmla="*/ 2684834 w 2684834"/>
                <a:gd name="connsiteY0" fmla="*/ 591449 h 669271"/>
                <a:gd name="connsiteX1" fmla="*/ 1575881 w 2684834"/>
                <a:gd name="connsiteY1" fmla="*/ 1305 h 669271"/>
                <a:gd name="connsiteX2" fmla="*/ 1193260 w 2684834"/>
                <a:gd name="connsiteY2" fmla="*/ 429322 h 669271"/>
                <a:gd name="connsiteX3" fmla="*/ 1588851 w 2684834"/>
                <a:gd name="connsiteY3" fmla="*/ 325560 h 669271"/>
                <a:gd name="connsiteX4" fmla="*/ 1245141 w 2684834"/>
                <a:gd name="connsiteY4" fmla="*/ 7790 h 669271"/>
                <a:gd name="connsiteX5" fmla="*/ 0 w 2684834"/>
                <a:gd name="connsiteY5" fmla="*/ 669271 h 669271"/>
                <a:gd name="connsiteX0" fmla="*/ 2684834 w 2684834"/>
                <a:gd name="connsiteY0" fmla="*/ 591740 h 669562"/>
                <a:gd name="connsiteX1" fmla="*/ 1575881 w 2684834"/>
                <a:gd name="connsiteY1" fmla="*/ 1596 h 669562"/>
                <a:gd name="connsiteX2" fmla="*/ 1193260 w 2684834"/>
                <a:gd name="connsiteY2" fmla="*/ 429613 h 669562"/>
                <a:gd name="connsiteX3" fmla="*/ 1588851 w 2684834"/>
                <a:gd name="connsiteY3" fmla="*/ 325851 h 669562"/>
                <a:gd name="connsiteX4" fmla="*/ 1245141 w 2684834"/>
                <a:gd name="connsiteY4" fmla="*/ 8081 h 669562"/>
                <a:gd name="connsiteX5" fmla="*/ 0 w 2684834"/>
                <a:gd name="connsiteY5" fmla="*/ 669562 h 669562"/>
                <a:gd name="connsiteX0" fmla="*/ 2684834 w 2684834"/>
                <a:gd name="connsiteY0" fmla="*/ 645147 h 722969"/>
                <a:gd name="connsiteX1" fmla="*/ 1575881 w 2684834"/>
                <a:gd name="connsiteY1" fmla="*/ 55003 h 722969"/>
                <a:gd name="connsiteX2" fmla="*/ 1193260 w 2684834"/>
                <a:gd name="connsiteY2" fmla="*/ 483020 h 722969"/>
                <a:gd name="connsiteX3" fmla="*/ 1588851 w 2684834"/>
                <a:gd name="connsiteY3" fmla="*/ 379258 h 722969"/>
                <a:gd name="connsiteX4" fmla="*/ 1245141 w 2684834"/>
                <a:gd name="connsiteY4" fmla="*/ 61488 h 722969"/>
                <a:gd name="connsiteX5" fmla="*/ 0 w 2684834"/>
                <a:gd name="connsiteY5" fmla="*/ 722969 h 722969"/>
                <a:gd name="connsiteX0" fmla="*/ 2684834 w 2684834"/>
                <a:gd name="connsiteY0" fmla="*/ 645147 h 722969"/>
                <a:gd name="connsiteX1" fmla="*/ 1549941 w 2684834"/>
                <a:gd name="connsiteY1" fmla="*/ 165250 h 722969"/>
                <a:gd name="connsiteX2" fmla="*/ 1193260 w 2684834"/>
                <a:gd name="connsiteY2" fmla="*/ 483020 h 722969"/>
                <a:gd name="connsiteX3" fmla="*/ 1588851 w 2684834"/>
                <a:gd name="connsiteY3" fmla="*/ 379258 h 722969"/>
                <a:gd name="connsiteX4" fmla="*/ 1245141 w 2684834"/>
                <a:gd name="connsiteY4" fmla="*/ 61488 h 722969"/>
                <a:gd name="connsiteX5" fmla="*/ 0 w 2684834"/>
                <a:gd name="connsiteY5" fmla="*/ 722969 h 722969"/>
                <a:gd name="connsiteX0" fmla="*/ 2684834 w 2684834"/>
                <a:gd name="connsiteY0" fmla="*/ 645147 h 722969"/>
                <a:gd name="connsiteX1" fmla="*/ 1549941 w 2684834"/>
                <a:gd name="connsiteY1" fmla="*/ 165250 h 722969"/>
                <a:gd name="connsiteX2" fmla="*/ 1193260 w 2684834"/>
                <a:gd name="connsiteY2" fmla="*/ 483020 h 722969"/>
                <a:gd name="connsiteX3" fmla="*/ 1588851 w 2684834"/>
                <a:gd name="connsiteY3" fmla="*/ 379258 h 722969"/>
                <a:gd name="connsiteX4" fmla="*/ 1245141 w 2684834"/>
                <a:gd name="connsiteY4" fmla="*/ 61488 h 722969"/>
                <a:gd name="connsiteX5" fmla="*/ 0 w 2684834"/>
                <a:gd name="connsiteY5" fmla="*/ 722969 h 722969"/>
                <a:gd name="connsiteX0" fmla="*/ 2684834 w 2684834"/>
                <a:gd name="connsiteY0" fmla="*/ 636260 h 714082"/>
                <a:gd name="connsiteX1" fmla="*/ 1549941 w 2684834"/>
                <a:gd name="connsiteY1" fmla="*/ 156363 h 714082"/>
                <a:gd name="connsiteX2" fmla="*/ 1193260 w 2684834"/>
                <a:gd name="connsiteY2" fmla="*/ 474133 h 714082"/>
                <a:gd name="connsiteX3" fmla="*/ 1588851 w 2684834"/>
                <a:gd name="connsiteY3" fmla="*/ 370371 h 714082"/>
                <a:gd name="connsiteX4" fmla="*/ 979251 w 2684834"/>
                <a:gd name="connsiteY4" fmla="*/ 59086 h 714082"/>
                <a:gd name="connsiteX5" fmla="*/ 0 w 2684834"/>
                <a:gd name="connsiteY5" fmla="*/ 714082 h 714082"/>
                <a:gd name="connsiteX0" fmla="*/ 2684834 w 2684834"/>
                <a:gd name="connsiteY0" fmla="*/ 645262 h 723084"/>
                <a:gd name="connsiteX1" fmla="*/ 1549941 w 2684834"/>
                <a:gd name="connsiteY1" fmla="*/ 165365 h 723084"/>
                <a:gd name="connsiteX2" fmla="*/ 1193260 w 2684834"/>
                <a:gd name="connsiteY2" fmla="*/ 483135 h 723084"/>
                <a:gd name="connsiteX3" fmla="*/ 1588851 w 2684834"/>
                <a:gd name="connsiteY3" fmla="*/ 379373 h 723084"/>
                <a:gd name="connsiteX4" fmla="*/ 979251 w 2684834"/>
                <a:gd name="connsiteY4" fmla="*/ 68088 h 723084"/>
                <a:gd name="connsiteX5" fmla="*/ 0 w 2684834"/>
                <a:gd name="connsiteY5" fmla="*/ 723084 h 723084"/>
                <a:gd name="connsiteX0" fmla="*/ 2684834 w 2684834"/>
                <a:gd name="connsiteY0" fmla="*/ 649062 h 726884"/>
                <a:gd name="connsiteX1" fmla="*/ 1549941 w 2684834"/>
                <a:gd name="connsiteY1" fmla="*/ 169165 h 726884"/>
                <a:gd name="connsiteX2" fmla="*/ 1193260 w 2684834"/>
                <a:gd name="connsiteY2" fmla="*/ 486935 h 726884"/>
                <a:gd name="connsiteX3" fmla="*/ 1588851 w 2684834"/>
                <a:gd name="connsiteY3" fmla="*/ 383173 h 726884"/>
                <a:gd name="connsiteX4" fmla="*/ 979251 w 2684834"/>
                <a:gd name="connsiteY4" fmla="*/ 71888 h 726884"/>
                <a:gd name="connsiteX5" fmla="*/ 0 w 2684834"/>
                <a:gd name="connsiteY5" fmla="*/ 726884 h 726884"/>
                <a:gd name="connsiteX0" fmla="*/ 2684834 w 2684834"/>
                <a:gd name="connsiteY0" fmla="*/ 649062 h 726884"/>
                <a:gd name="connsiteX1" fmla="*/ 1457866 w 2684834"/>
                <a:gd name="connsiteY1" fmla="*/ 219965 h 726884"/>
                <a:gd name="connsiteX2" fmla="*/ 1193260 w 2684834"/>
                <a:gd name="connsiteY2" fmla="*/ 486935 h 726884"/>
                <a:gd name="connsiteX3" fmla="*/ 1588851 w 2684834"/>
                <a:gd name="connsiteY3" fmla="*/ 383173 h 726884"/>
                <a:gd name="connsiteX4" fmla="*/ 979251 w 2684834"/>
                <a:gd name="connsiteY4" fmla="*/ 71888 h 726884"/>
                <a:gd name="connsiteX5" fmla="*/ 0 w 2684834"/>
                <a:gd name="connsiteY5" fmla="*/ 726884 h 726884"/>
                <a:gd name="connsiteX0" fmla="*/ 2684834 w 2684834"/>
                <a:gd name="connsiteY0" fmla="*/ 649062 h 726884"/>
                <a:gd name="connsiteX1" fmla="*/ 1457866 w 2684834"/>
                <a:gd name="connsiteY1" fmla="*/ 219965 h 726884"/>
                <a:gd name="connsiteX2" fmla="*/ 1193260 w 2684834"/>
                <a:gd name="connsiteY2" fmla="*/ 486935 h 726884"/>
                <a:gd name="connsiteX3" fmla="*/ 1588851 w 2684834"/>
                <a:gd name="connsiteY3" fmla="*/ 383173 h 726884"/>
                <a:gd name="connsiteX4" fmla="*/ 979251 w 2684834"/>
                <a:gd name="connsiteY4" fmla="*/ 71888 h 726884"/>
                <a:gd name="connsiteX5" fmla="*/ 0 w 2684834"/>
                <a:gd name="connsiteY5" fmla="*/ 726884 h 726884"/>
                <a:gd name="connsiteX0" fmla="*/ 2684834 w 2684834"/>
                <a:gd name="connsiteY0" fmla="*/ 636540 h 714362"/>
                <a:gd name="connsiteX1" fmla="*/ 1457866 w 2684834"/>
                <a:gd name="connsiteY1" fmla="*/ 207443 h 714362"/>
                <a:gd name="connsiteX2" fmla="*/ 1250410 w 2684834"/>
                <a:gd name="connsiteY2" fmla="*/ 493463 h 714362"/>
                <a:gd name="connsiteX3" fmla="*/ 1588851 w 2684834"/>
                <a:gd name="connsiteY3" fmla="*/ 370651 h 714362"/>
                <a:gd name="connsiteX4" fmla="*/ 979251 w 2684834"/>
                <a:gd name="connsiteY4" fmla="*/ 59366 h 714362"/>
                <a:gd name="connsiteX5" fmla="*/ 0 w 2684834"/>
                <a:gd name="connsiteY5" fmla="*/ 714362 h 714362"/>
                <a:gd name="connsiteX0" fmla="*/ 2684834 w 2684834"/>
                <a:gd name="connsiteY0" fmla="*/ 641664 h 719486"/>
                <a:gd name="connsiteX1" fmla="*/ 1457866 w 2684834"/>
                <a:gd name="connsiteY1" fmla="*/ 212567 h 719486"/>
                <a:gd name="connsiteX2" fmla="*/ 1250410 w 2684834"/>
                <a:gd name="connsiteY2" fmla="*/ 498587 h 719486"/>
                <a:gd name="connsiteX3" fmla="*/ 1588851 w 2684834"/>
                <a:gd name="connsiteY3" fmla="*/ 375775 h 719486"/>
                <a:gd name="connsiteX4" fmla="*/ 979251 w 2684834"/>
                <a:gd name="connsiteY4" fmla="*/ 64490 h 719486"/>
                <a:gd name="connsiteX5" fmla="*/ 0 w 2684834"/>
                <a:gd name="connsiteY5" fmla="*/ 719486 h 719486"/>
                <a:gd name="connsiteX0" fmla="*/ 2684834 w 2684834"/>
                <a:gd name="connsiteY0" fmla="*/ 635984 h 713806"/>
                <a:gd name="connsiteX1" fmla="*/ 1457866 w 2684834"/>
                <a:gd name="connsiteY1" fmla="*/ 206887 h 713806"/>
                <a:gd name="connsiteX2" fmla="*/ 1313910 w 2684834"/>
                <a:gd name="connsiteY2" fmla="*/ 454807 h 713806"/>
                <a:gd name="connsiteX3" fmla="*/ 1588851 w 2684834"/>
                <a:gd name="connsiteY3" fmla="*/ 370095 h 713806"/>
                <a:gd name="connsiteX4" fmla="*/ 979251 w 2684834"/>
                <a:gd name="connsiteY4" fmla="*/ 58810 h 713806"/>
                <a:gd name="connsiteX5" fmla="*/ 0 w 2684834"/>
                <a:gd name="connsiteY5" fmla="*/ 713806 h 713806"/>
                <a:gd name="connsiteX0" fmla="*/ 2684834 w 2684834"/>
                <a:gd name="connsiteY0" fmla="*/ 636820 h 714642"/>
                <a:gd name="connsiteX1" fmla="*/ 1457866 w 2684834"/>
                <a:gd name="connsiteY1" fmla="*/ 207723 h 714642"/>
                <a:gd name="connsiteX2" fmla="*/ 1313910 w 2684834"/>
                <a:gd name="connsiteY2" fmla="*/ 455643 h 714642"/>
                <a:gd name="connsiteX3" fmla="*/ 1588851 w 2684834"/>
                <a:gd name="connsiteY3" fmla="*/ 370931 h 714642"/>
                <a:gd name="connsiteX4" fmla="*/ 979251 w 2684834"/>
                <a:gd name="connsiteY4" fmla="*/ 59646 h 714642"/>
                <a:gd name="connsiteX5" fmla="*/ 0 w 2684834"/>
                <a:gd name="connsiteY5" fmla="*/ 714642 h 714642"/>
                <a:gd name="connsiteX0" fmla="*/ 2684834 w 2684834"/>
                <a:gd name="connsiteY0" fmla="*/ 640078 h 717900"/>
                <a:gd name="connsiteX1" fmla="*/ 1457866 w 2684834"/>
                <a:gd name="connsiteY1" fmla="*/ 210981 h 717900"/>
                <a:gd name="connsiteX2" fmla="*/ 1313910 w 2684834"/>
                <a:gd name="connsiteY2" fmla="*/ 458901 h 717900"/>
                <a:gd name="connsiteX3" fmla="*/ 1588851 w 2684834"/>
                <a:gd name="connsiteY3" fmla="*/ 374189 h 717900"/>
                <a:gd name="connsiteX4" fmla="*/ 979251 w 2684834"/>
                <a:gd name="connsiteY4" fmla="*/ 62904 h 717900"/>
                <a:gd name="connsiteX5" fmla="*/ 0 w 2684834"/>
                <a:gd name="connsiteY5" fmla="*/ 717900 h 717900"/>
                <a:gd name="connsiteX0" fmla="*/ 2684834 w 2684834"/>
                <a:gd name="connsiteY0" fmla="*/ 586481 h 664303"/>
                <a:gd name="connsiteX1" fmla="*/ 1457866 w 2684834"/>
                <a:gd name="connsiteY1" fmla="*/ 157384 h 664303"/>
                <a:gd name="connsiteX2" fmla="*/ 1313910 w 2684834"/>
                <a:gd name="connsiteY2" fmla="*/ 405304 h 664303"/>
                <a:gd name="connsiteX3" fmla="*/ 1541226 w 2684834"/>
                <a:gd name="connsiteY3" fmla="*/ 304717 h 664303"/>
                <a:gd name="connsiteX4" fmla="*/ 979251 w 2684834"/>
                <a:gd name="connsiteY4" fmla="*/ 9307 h 664303"/>
                <a:gd name="connsiteX5" fmla="*/ 0 w 2684834"/>
                <a:gd name="connsiteY5" fmla="*/ 664303 h 664303"/>
                <a:gd name="connsiteX0" fmla="*/ 2684834 w 2684834"/>
                <a:gd name="connsiteY0" fmla="*/ 586481 h 664303"/>
                <a:gd name="connsiteX1" fmla="*/ 1457866 w 2684834"/>
                <a:gd name="connsiteY1" fmla="*/ 157384 h 664303"/>
                <a:gd name="connsiteX2" fmla="*/ 1313910 w 2684834"/>
                <a:gd name="connsiteY2" fmla="*/ 405304 h 664303"/>
                <a:gd name="connsiteX3" fmla="*/ 1541226 w 2684834"/>
                <a:gd name="connsiteY3" fmla="*/ 304717 h 664303"/>
                <a:gd name="connsiteX4" fmla="*/ 979251 w 2684834"/>
                <a:gd name="connsiteY4" fmla="*/ 9307 h 664303"/>
                <a:gd name="connsiteX5" fmla="*/ 0 w 2684834"/>
                <a:gd name="connsiteY5" fmla="*/ 664303 h 664303"/>
                <a:gd name="connsiteX0" fmla="*/ 2684834 w 2684834"/>
                <a:gd name="connsiteY0" fmla="*/ 586481 h 664303"/>
                <a:gd name="connsiteX1" fmla="*/ 1457866 w 2684834"/>
                <a:gd name="connsiteY1" fmla="*/ 157384 h 664303"/>
                <a:gd name="connsiteX2" fmla="*/ 1313910 w 2684834"/>
                <a:gd name="connsiteY2" fmla="*/ 405304 h 664303"/>
                <a:gd name="connsiteX3" fmla="*/ 1541226 w 2684834"/>
                <a:gd name="connsiteY3" fmla="*/ 304717 h 664303"/>
                <a:gd name="connsiteX4" fmla="*/ 979251 w 2684834"/>
                <a:gd name="connsiteY4" fmla="*/ 9307 h 664303"/>
                <a:gd name="connsiteX5" fmla="*/ 0 w 2684834"/>
                <a:gd name="connsiteY5" fmla="*/ 664303 h 664303"/>
                <a:gd name="connsiteX0" fmla="*/ 2684834 w 2684834"/>
                <a:gd name="connsiteY0" fmla="*/ 587095 h 664917"/>
                <a:gd name="connsiteX1" fmla="*/ 1457866 w 2684834"/>
                <a:gd name="connsiteY1" fmla="*/ 157998 h 664917"/>
                <a:gd name="connsiteX2" fmla="*/ 1313910 w 2684834"/>
                <a:gd name="connsiteY2" fmla="*/ 405918 h 664917"/>
                <a:gd name="connsiteX3" fmla="*/ 1541226 w 2684834"/>
                <a:gd name="connsiteY3" fmla="*/ 305331 h 664917"/>
                <a:gd name="connsiteX4" fmla="*/ 979251 w 2684834"/>
                <a:gd name="connsiteY4" fmla="*/ 9921 h 664917"/>
                <a:gd name="connsiteX5" fmla="*/ 0 w 2684834"/>
                <a:gd name="connsiteY5" fmla="*/ 664917 h 664917"/>
                <a:gd name="connsiteX0" fmla="*/ 2684834 w 2684834"/>
                <a:gd name="connsiteY0" fmla="*/ 468161 h 545983"/>
                <a:gd name="connsiteX1" fmla="*/ 1457866 w 2684834"/>
                <a:gd name="connsiteY1" fmla="*/ 39064 h 545983"/>
                <a:gd name="connsiteX2" fmla="*/ 1313910 w 2684834"/>
                <a:gd name="connsiteY2" fmla="*/ 286984 h 545983"/>
                <a:gd name="connsiteX3" fmla="*/ 1541226 w 2684834"/>
                <a:gd name="connsiteY3" fmla="*/ 186397 h 545983"/>
                <a:gd name="connsiteX4" fmla="*/ 944326 w 2684834"/>
                <a:gd name="connsiteY4" fmla="*/ 11637 h 545983"/>
                <a:gd name="connsiteX5" fmla="*/ 0 w 2684834"/>
                <a:gd name="connsiteY5" fmla="*/ 545983 h 545983"/>
                <a:gd name="connsiteX0" fmla="*/ 2684834 w 2684834"/>
                <a:gd name="connsiteY0" fmla="*/ 472055 h 549877"/>
                <a:gd name="connsiteX1" fmla="*/ 1457866 w 2684834"/>
                <a:gd name="connsiteY1" fmla="*/ 42958 h 549877"/>
                <a:gd name="connsiteX2" fmla="*/ 1313910 w 2684834"/>
                <a:gd name="connsiteY2" fmla="*/ 290878 h 549877"/>
                <a:gd name="connsiteX3" fmla="*/ 1541226 w 2684834"/>
                <a:gd name="connsiteY3" fmla="*/ 190291 h 549877"/>
                <a:gd name="connsiteX4" fmla="*/ 944326 w 2684834"/>
                <a:gd name="connsiteY4" fmla="*/ 15531 h 549877"/>
                <a:gd name="connsiteX5" fmla="*/ 0 w 2684834"/>
                <a:gd name="connsiteY5" fmla="*/ 549877 h 54987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2684834" h="549877">
                  <a:moveTo>
                    <a:pt x="2684834" y="472055"/>
                  </a:moveTo>
                  <a:cubicBezTo>
                    <a:pt x="2315183" y="275340"/>
                    <a:pt x="1686353" y="73154"/>
                    <a:pt x="1457866" y="42958"/>
                  </a:cubicBezTo>
                  <a:cubicBezTo>
                    <a:pt x="1229379" y="12762"/>
                    <a:pt x="1230167" y="209173"/>
                    <a:pt x="1313910" y="290878"/>
                  </a:cubicBezTo>
                  <a:cubicBezTo>
                    <a:pt x="1397653" y="372583"/>
                    <a:pt x="1558373" y="299682"/>
                    <a:pt x="1541226" y="190291"/>
                  </a:cubicBezTo>
                  <a:cubicBezTo>
                    <a:pt x="1524079" y="80900"/>
                    <a:pt x="1201197" y="-44400"/>
                    <a:pt x="944326" y="15531"/>
                  </a:cubicBezTo>
                  <a:cubicBezTo>
                    <a:pt x="687455" y="75462"/>
                    <a:pt x="326417" y="331545"/>
                    <a:pt x="0" y="549877"/>
                  </a:cubicBezTo>
                </a:path>
              </a:pathLst>
            </a:custGeom>
            <a:noFill/>
            <a:ln w="19050">
              <a:solidFill>
                <a:srgbClr val="18A74B"/>
              </a:solidFill>
              <a:tailEnd type="triangle" w="lg" len="lg"/>
            </a:ln>
            <a:effec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0743568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A856B3C9-4A2A-668C-B1C9-91F323B2113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o is Perry? Is he a bird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956B9F44-9B0F-1F39-62D6-F627EF87CE65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EAA481B7-ED1A-4735-1497-2C5558B5FA3B}"/>
                </a:ext>
              </a:extLst>
            </p:cNvPr>
            <p:cNvCxnSpPr>
              <a:cxnSpLocks/>
              <a:stCxn id="12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2" name="圓角矩形 10">
              <a:extLst>
                <a:ext uri="{FF2B5EF4-FFF2-40B4-BE49-F238E27FC236}">
                  <a16:creationId xmlns:a16="http://schemas.microsoft.com/office/drawing/2014/main" id="{D8199873-44AA-1BC6-97BC-74C121130CFE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6" name="Picture 15">
            <a:extLst>
              <a:ext uri="{FF2B5EF4-FFF2-40B4-BE49-F238E27FC236}">
                <a16:creationId xmlns:a16="http://schemas.microsoft.com/office/drawing/2014/main" id="{A055B2CD-742D-2C01-10AF-F88055DE733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734838" y="2792574"/>
            <a:ext cx="3950153" cy="24546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947CA5CA-7861-E259-711B-778034F086AE}"/>
              </a:ext>
            </a:extLst>
          </p:cNvPr>
          <p:cNvCxnSpPr>
            <a:cxnSpLocks/>
          </p:cNvCxnSpPr>
          <p:nvPr/>
        </p:nvCxnSpPr>
        <p:spPr>
          <a:xfrm>
            <a:off x="2910057" y="4729162"/>
            <a:ext cx="1771451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9688625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875E-6 -1.11111E-6 L -0.00065 0.14838 " pathEditMode="relative" rAng="0" ptsTypes="AA">
                                      <p:cBhvr>
                                        <p:cTn id="17" dur="500" spd="-100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9" y="740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9A53CC61-F4DD-FAB5-B8EA-16666F2EA19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parrot is a bird.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2111936A-F27B-E55C-37EE-1D025D2C6FE0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D7D8C3CF-80F8-0332-2485-58645008ACD7}"/>
                </a:ext>
              </a:extLst>
            </p:cNvPr>
            <p:cNvCxnSpPr>
              <a:cxnSpLocks/>
              <a:stCxn id="14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4" name="圓角矩形 10">
              <a:extLst>
                <a:ext uri="{FF2B5EF4-FFF2-40B4-BE49-F238E27FC236}">
                  <a16:creationId xmlns:a16="http://schemas.microsoft.com/office/drawing/2014/main" id="{F9E26AC6-C78F-EAC3-0347-F983F4603712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ABCF16EA-8762-1BAF-EF0A-007F2E5C39B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734838" y="2792574"/>
            <a:ext cx="3950153" cy="24546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080632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AAE0356-B4F4-EA1E-F7E0-8813F47CB0D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B87CBF83-4F58-7BD0-9213-476325C66E8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7B4C3E4C-2D5C-CF10-7E73-EAACC0817AF4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irds have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feathers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, not hair. </a:t>
            </a:r>
            <a:r>
              <a:rPr kumimoji="0" lang="en-GB" altLang="zh-TW" sz="3200" b="1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erry has colourful feathers. </a:t>
            </a:r>
            <a:endParaRPr kumimoji="0" lang="en-GB" sz="3200" b="1" noProof="0" dirty="0">
              <a:solidFill>
                <a:schemeClr val="bg1"/>
              </a:solidFill>
              <a:ea typeface="Arial Unicode MS" panose="020B0604020202020204" pitchFamily="34" charset="-120"/>
              <a:cs typeface="Arial" panose="020B0604020202020204" pitchFamily="34" charset="0"/>
            </a:endParaRP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BA09463D-0FE8-358C-3E1D-B51FBD29D4ED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00C53276-FFDB-0BAC-8E1D-98A8BBE304FA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1F8FF50-A699-FF1F-4C30-F7B15BA36FC1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FE9BDF95-5280-A2E4-BBB4-A70B2D1FDFEE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E9F7EB3D-A7CA-AD06-22F6-A19542B85D25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D4AD8856-501B-A93D-1C24-6BFEDEAB3D92}"/>
                </a:ext>
              </a:extLst>
            </p:cNvPr>
            <p:cNvCxnSpPr>
              <a:cxnSpLocks/>
              <a:stCxn id="18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8" name="圓角矩形 10">
              <a:extLst>
                <a:ext uri="{FF2B5EF4-FFF2-40B4-BE49-F238E27FC236}">
                  <a16:creationId xmlns:a16="http://schemas.microsoft.com/office/drawing/2014/main" id="{7CB2FB09-23E3-3597-CC87-4954DDD7285B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EABB0C80-C5C5-43E5-9FEB-1EF098458F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9" name="Picture 18">
            <a:extLst>
              <a:ext uri="{FF2B5EF4-FFF2-40B4-BE49-F238E27FC236}">
                <a16:creationId xmlns:a16="http://schemas.microsoft.com/office/drawing/2014/main" id="{51FB4FF0-5D6B-A155-BEB1-69D5FC86F3D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734838" y="2792574"/>
            <a:ext cx="3950153" cy="24546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grpSp>
        <p:nvGrpSpPr>
          <p:cNvPr id="17" name="Group 16">
            <a:extLst>
              <a:ext uri="{FF2B5EF4-FFF2-40B4-BE49-F238E27FC236}">
                <a16:creationId xmlns:a16="http://schemas.microsoft.com/office/drawing/2014/main" id="{BABC7BA0-B1C2-1F39-12DE-4B4B8C62FB23}"/>
              </a:ext>
            </a:extLst>
          </p:cNvPr>
          <p:cNvGrpSpPr/>
          <p:nvPr/>
        </p:nvGrpSpPr>
        <p:grpSpPr>
          <a:xfrm>
            <a:off x="5146997" y="2910097"/>
            <a:ext cx="1837866" cy="872561"/>
            <a:chOff x="4713194" y="4190257"/>
            <a:chExt cx="1837866" cy="872561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50B5CB8B-A12F-F780-F108-03C10AF7BF6C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4713194" y="4612341"/>
              <a:ext cx="705971" cy="450477"/>
            </a:xfrm>
            <a:prstGeom prst="straightConnector1">
              <a:avLst/>
            </a:prstGeom>
            <a:ln w="57150">
              <a:solidFill>
                <a:srgbClr val="FF0000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6" name="TextBox 15">
              <a:extLst>
                <a:ext uri="{FF2B5EF4-FFF2-40B4-BE49-F238E27FC236}">
                  <a16:creationId xmlns:a16="http://schemas.microsoft.com/office/drawing/2014/main" id="{95476351-BC37-AB49-14A5-C93F44DF5BA3}"/>
                </a:ext>
              </a:extLst>
            </p:cNvPr>
            <p:cNvSpPr txBox="1"/>
            <p:nvPr/>
          </p:nvSpPr>
          <p:spPr>
            <a:xfrm>
              <a:off x="5312451" y="4190257"/>
              <a:ext cx="1238609" cy="461665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GB" sz="2400" b="1" noProof="0" dirty="0">
                  <a:solidFill>
                    <a:srgbClr val="00B050"/>
                  </a:solidFill>
                  <a:effectLst>
                    <a:glow rad="101600">
                      <a:schemeClr val="bg1"/>
                    </a:glow>
                  </a:effectLst>
                </a:rPr>
                <a:t>feathers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2125310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806F8DA7-D555-3214-80ED-81E3AD7D936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erry is smart. What can he do?</a:t>
            </a:r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88B4ED84-BC37-8108-D5AF-09459FA8610E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F4D85583-E830-CCBC-849B-7AC26CD5C2D9}"/>
                </a:ext>
              </a:extLst>
            </p:cNvPr>
            <p:cNvCxnSpPr>
              <a:cxnSpLocks/>
              <a:stCxn id="14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4" name="圓角矩形 10">
              <a:extLst>
                <a:ext uri="{FF2B5EF4-FFF2-40B4-BE49-F238E27FC236}">
                  <a16:creationId xmlns:a16="http://schemas.microsoft.com/office/drawing/2014/main" id="{7B9F6FF2-2724-FF46-3444-DA5C096A9B44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6" name="Picture 15">
            <a:extLst>
              <a:ext uri="{FF2B5EF4-FFF2-40B4-BE49-F238E27FC236}">
                <a16:creationId xmlns:a16="http://schemas.microsoft.com/office/drawing/2014/main" id="{38B1543A-7E6E-29D8-33A7-0048A56E21A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734838" y="2792574"/>
            <a:ext cx="3950153" cy="24546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947CA5CA-7861-E259-711B-778034F086AE}"/>
              </a:ext>
            </a:extLst>
          </p:cNvPr>
          <p:cNvCxnSpPr>
            <a:cxnSpLocks/>
          </p:cNvCxnSpPr>
          <p:nvPr/>
        </p:nvCxnSpPr>
        <p:spPr>
          <a:xfrm>
            <a:off x="5254439" y="5016982"/>
            <a:ext cx="1260469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4548487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26BF219B-63C3-293E-BBE3-FABA02B97A1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parrot can talk (by copying what we say).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9696CF05-7080-75D6-F572-32D9AA26C2DB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B6A66CC0-EE25-07B6-B5C4-E7562D6810A7}"/>
                </a:ext>
              </a:extLst>
            </p:cNvPr>
            <p:cNvCxnSpPr>
              <a:cxnSpLocks/>
              <a:stCxn id="12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2" name="圓角矩形 10">
              <a:extLst>
                <a:ext uri="{FF2B5EF4-FFF2-40B4-BE49-F238E27FC236}">
                  <a16:creationId xmlns:a16="http://schemas.microsoft.com/office/drawing/2014/main" id="{8A01C89E-BD1F-A4FA-636D-317DB7C77D33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A9BC5F65-DBC2-A56A-6ADA-C136DE0DB38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734838" y="2792574"/>
            <a:ext cx="3950153" cy="24546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D7D89699-39AB-A800-FDA3-AFDFFE3A1F1B}"/>
              </a:ext>
            </a:extLst>
          </p:cNvPr>
          <p:cNvCxnSpPr>
            <a:cxnSpLocks/>
          </p:cNvCxnSpPr>
          <p:nvPr/>
        </p:nvCxnSpPr>
        <p:spPr>
          <a:xfrm>
            <a:off x="5254439" y="5016982"/>
            <a:ext cx="1260469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Speech Bubble: Rectangle with Corners Rounded 9">
            <a:extLst>
              <a:ext uri="{FF2B5EF4-FFF2-40B4-BE49-F238E27FC236}">
                <a16:creationId xmlns:a16="http://schemas.microsoft.com/office/drawing/2014/main" id="{F465E5D3-03AE-2819-DBD1-AC568B8B8E87}"/>
              </a:ext>
            </a:extLst>
          </p:cNvPr>
          <p:cNvSpPr/>
          <p:nvPr/>
        </p:nvSpPr>
        <p:spPr>
          <a:xfrm>
            <a:off x="4816665" y="2381172"/>
            <a:ext cx="1070041" cy="532363"/>
          </a:xfrm>
          <a:custGeom>
            <a:avLst/>
            <a:gdLst>
              <a:gd name="connsiteX0" fmla="*/ 0 w 1070041"/>
              <a:gd name="connsiteY0" fmla="*/ 88729 h 532363"/>
              <a:gd name="connsiteX1" fmla="*/ 88729 w 1070041"/>
              <a:gd name="connsiteY1" fmla="*/ 0 h 532363"/>
              <a:gd name="connsiteX2" fmla="*/ 178340 w 1070041"/>
              <a:gd name="connsiteY2" fmla="*/ 0 h 532363"/>
              <a:gd name="connsiteX3" fmla="*/ 178340 w 1070041"/>
              <a:gd name="connsiteY3" fmla="*/ 0 h 532363"/>
              <a:gd name="connsiteX4" fmla="*/ 445850 w 1070041"/>
              <a:gd name="connsiteY4" fmla="*/ 0 h 532363"/>
              <a:gd name="connsiteX5" fmla="*/ 981312 w 1070041"/>
              <a:gd name="connsiteY5" fmla="*/ 0 h 532363"/>
              <a:gd name="connsiteX6" fmla="*/ 1070041 w 1070041"/>
              <a:gd name="connsiteY6" fmla="*/ 88729 h 532363"/>
              <a:gd name="connsiteX7" fmla="*/ 1070041 w 1070041"/>
              <a:gd name="connsiteY7" fmla="*/ 310545 h 532363"/>
              <a:gd name="connsiteX8" fmla="*/ 1070041 w 1070041"/>
              <a:gd name="connsiteY8" fmla="*/ 310545 h 532363"/>
              <a:gd name="connsiteX9" fmla="*/ 1070041 w 1070041"/>
              <a:gd name="connsiteY9" fmla="*/ 443636 h 532363"/>
              <a:gd name="connsiteX10" fmla="*/ 1070041 w 1070041"/>
              <a:gd name="connsiteY10" fmla="*/ 443634 h 532363"/>
              <a:gd name="connsiteX11" fmla="*/ 981312 w 1070041"/>
              <a:gd name="connsiteY11" fmla="*/ 532363 h 532363"/>
              <a:gd name="connsiteX12" fmla="*/ 445850 w 1070041"/>
              <a:gd name="connsiteY12" fmla="*/ 532363 h 532363"/>
              <a:gd name="connsiteX13" fmla="*/ 36274 w 1070041"/>
              <a:gd name="connsiteY13" fmla="*/ 880390 h 532363"/>
              <a:gd name="connsiteX14" fmla="*/ 178340 w 1070041"/>
              <a:gd name="connsiteY14" fmla="*/ 532363 h 532363"/>
              <a:gd name="connsiteX15" fmla="*/ 88729 w 1070041"/>
              <a:gd name="connsiteY15" fmla="*/ 532363 h 532363"/>
              <a:gd name="connsiteX16" fmla="*/ 0 w 1070041"/>
              <a:gd name="connsiteY16" fmla="*/ 443634 h 532363"/>
              <a:gd name="connsiteX17" fmla="*/ 0 w 1070041"/>
              <a:gd name="connsiteY17" fmla="*/ 443636 h 532363"/>
              <a:gd name="connsiteX18" fmla="*/ 0 w 1070041"/>
              <a:gd name="connsiteY18" fmla="*/ 310545 h 532363"/>
              <a:gd name="connsiteX19" fmla="*/ 0 w 1070041"/>
              <a:gd name="connsiteY19" fmla="*/ 310545 h 532363"/>
              <a:gd name="connsiteX20" fmla="*/ 0 w 1070041"/>
              <a:gd name="connsiteY20" fmla="*/ 88729 h 53236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</a:cxnLst>
            <a:rect l="l" t="t" r="r" b="b"/>
            <a:pathLst>
              <a:path w="1070041" h="532363" fill="none" extrusionOk="0">
                <a:moveTo>
                  <a:pt x="0" y="88729"/>
                </a:moveTo>
                <a:cubicBezTo>
                  <a:pt x="-7980" y="45585"/>
                  <a:pt x="38111" y="3906"/>
                  <a:pt x="88729" y="0"/>
                </a:cubicBezTo>
                <a:cubicBezTo>
                  <a:pt x="129124" y="-912"/>
                  <a:pt x="143993" y="2219"/>
                  <a:pt x="178340" y="0"/>
                </a:cubicBezTo>
                <a:lnTo>
                  <a:pt x="178340" y="0"/>
                </a:lnTo>
                <a:cubicBezTo>
                  <a:pt x="290917" y="9259"/>
                  <a:pt x="378319" y="1747"/>
                  <a:pt x="445850" y="0"/>
                </a:cubicBezTo>
                <a:cubicBezTo>
                  <a:pt x="643075" y="-24768"/>
                  <a:pt x="844569" y="-19455"/>
                  <a:pt x="981312" y="0"/>
                </a:cubicBezTo>
                <a:cubicBezTo>
                  <a:pt x="1030973" y="10952"/>
                  <a:pt x="1068486" y="40117"/>
                  <a:pt x="1070041" y="88729"/>
                </a:cubicBezTo>
                <a:cubicBezTo>
                  <a:pt x="1071888" y="148525"/>
                  <a:pt x="1061883" y="248962"/>
                  <a:pt x="1070041" y="310545"/>
                </a:cubicBezTo>
                <a:lnTo>
                  <a:pt x="1070041" y="310545"/>
                </a:lnTo>
                <a:cubicBezTo>
                  <a:pt x="1074775" y="343876"/>
                  <a:pt x="1072553" y="395098"/>
                  <a:pt x="1070041" y="443636"/>
                </a:cubicBezTo>
                <a:lnTo>
                  <a:pt x="1070041" y="443634"/>
                </a:lnTo>
                <a:cubicBezTo>
                  <a:pt x="1067342" y="489883"/>
                  <a:pt x="1018076" y="532808"/>
                  <a:pt x="981312" y="532363"/>
                </a:cubicBezTo>
                <a:cubicBezTo>
                  <a:pt x="747608" y="510582"/>
                  <a:pt x="678685" y="539441"/>
                  <a:pt x="445850" y="532363"/>
                </a:cubicBezTo>
                <a:cubicBezTo>
                  <a:pt x="254065" y="668040"/>
                  <a:pt x="160004" y="764865"/>
                  <a:pt x="36274" y="880390"/>
                </a:cubicBezTo>
                <a:cubicBezTo>
                  <a:pt x="80727" y="749102"/>
                  <a:pt x="128841" y="642938"/>
                  <a:pt x="178340" y="532363"/>
                </a:cubicBezTo>
                <a:cubicBezTo>
                  <a:pt x="140165" y="528709"/>
                  <a:pt x="107796" y="531892"/>
                  <a:pt x="88729" y="532363"/>
                </a:cubicBezTo>
                <a:cubicBezTo>
                  <a:pt x="42062" y="531375"/>
                  <a:pt x="2078" y="494187"/>
                  <a:pt x="0" y="443634"/>
                </a:cubicBezTo>
                <a:lnTo>
                  <a:pt x="0" y="443636"/>
                </a:lnTo>
                <a:cubicBezTo>
                  <a:pt x="-5976" y="395602"/>
                  <a:pt x="-3089" y="358325"/>
                  <a:pt x="0" y="310545"/>
                </a:cubicBezTo>
                <a:lnTo>
                  <a:pt x="0" y="310545"/>
                </a:lnTo>
                <a:cubicBezTo>
                  <a:pt x="7037" y="201922"/>
                  <a:pt x="-9603" y="184484"/>
                  <a:pt x="0" y="88729"/>
                </a:cubicBezTo>
                <a:close/>
              </a:path>
              <a:path w="1070041" h="532363" stroke="0" extrusionOk="0">
                <a:moveTo>
                  <a:pt x="0" y="88729"/>
                </a:moveTo>
                <a:cubicBezTo>
                  <a:pt x="-1782" y="41131"/>
                  <a:pt x="32988" y="-4620"/>
                  <a:pt x="88729" y="0"/>
                </a:cubicBezTo>
                <a:cubicBezTo>
                  <a:pt x="117399" y="2815"/>
                  <a:pt x="135641" y="-1778"/>
                  <a:pt x="178340" y="0"/>
                </a:cubicBezTo>
                <a:lnTo>
                  <a:pt x="178340" y="0"/>
                </a:lnTo>
                <a:cubicBezTo>
                  <a:pt x="296215" y="-6477"/>
                  <a:pt x="376337" y="-3849"/>
                  <a:pt x="445850" y="0"/>
                </a:cubicBezTo>
                <a:cubicBezTo>
                  <a:pt x="702868" y="22785"/>
                  <a:pt x="847847" y="-14154"/>
                  <a:pt x="981312" y="0"/>
                </a:cubicBezTo>
                <a:cubicBezTo>
                  <a:pt x="1032683" y="-1799"/>
                  <a:pt x="1081005" y="41832"/>
                  <a:pt x="1070041" y="88729"/>
                </a:cubicBezTo>
                <a:cubicBezTo>
                  <a:pt x="1063130" y="163846"/>
                  <a:pt x="1061126" y="253411"/>
                  <a:pt x="1070041" y="310545"/>
                </a:cubicBezTo>
                <a:lnTo>
                  <a:pt x="1070041" y="310545"/>
                </a:lnTo>
                <a:cubicBezTo>
                  <a:pt x="1070265" y="370910"/>
                  <a:pt x="1068394" y="380401"/>
                  <a:pt x="1070041" y="443636"/>
                </a:cubicBezTo>
                <a:lnTo>
                  <a:pt x="1070041" y="443634"/>
                </a:lnTo>
                <a:cubicBezTo>
                  <a:pt x="1074860" y="498001"/>
                  <a:pt x="1039825" y="533529"/>
                  <a:pt x="981312" y="532363"/>
                </a:cubicBezTo>
                <a:cubicBezTo>
                  <a:pt x="850018" y="538812"/>
                  <a:pt x="577633" y="539988"/>
                  <a:pt x="445850" y="532363"/>
                </a:cubicBezTo>
                <a:cubicBezTo>
                  <a:pt x="267742" y="701601"/>
                  <a:pt x="204643" y="734450"/>
                  <a:pt x="36274" y="880390"/>
                </a:cubicBezTo>
                <a:cubicBezTo>
                  <a:pt x="70053" y="766599"/>
                  <a:pt x="150469" y="628382"/>
                  <a:pt x="178340" y="532363"/>
                </a:cubicBezTo>
                <a:cubicBezTo>
                  <a:pt x="148505" y="529866"/>
                  <a:pt x="111921" y="535194"/>
                  <a:pt x="88729" y="532363"/>
                </a:cubicBezTo>
                <a:cubicBezTo>
                  <a:pt x="41672" y="537461"/>
                  <a:pt x="-471" y="497825"/>
                  <a:pt x="0" y="443634"/>
                </a:cubicBezTo>
                <a:lnTo>
                  <a:pt x="0" y="443636"/>
                </a:lnTo>
                <a:cubicBezTo>
                  <a:pt x="1107" y="391671"/>
                  <a:pt x="-6521" y="365996"/>
                  <a:pt x="0" y="310545"/>
                </a:cubicBezTo>
                <a:lnTo>
                  <a:pt x="0" y="310545"/>
                </a:lnTo>
                <a:cubicBezTo>
                  <a:pt x="9276" y="265810"/>
                  <a:pt x="-2112" y="199103"/>
                  <a:pt x="0" y="88729"/>
                </a:cubicBezTo>
                <a:close/>
              </a:path>
            </a:pathLst>
          </a:custGeom>
          <a:solidFill>
            <a:schemeClr val="bg1"/>
          </a:solidFill>
          <a:ln w="19050">
            <a:solidFill>
              <a:srgbClr val="18A74B"/>
            </a:solidFill>
            <a:extLst>
              <a:ext uri="{C807C97D-BFC1-408E-A445-0C87EB9F89A2}">
                <ask:lineSketchStyleProps xmlns:ask="http://schemas.microsoft.com/office/drawing/2018/sketchyshapes" sd="356910739">
                  <a:prstGeom prst="wedgeRoundRectCallout">
                    <a:avLst>
                      <a:gd name="adj1" fmla="val -46610"/>
                      <a:gd name="adj2" fmla="val 115374"/>
                      <a:gd name="adj3" fmla="val 16667"/>
                    </a:avLst>
                  </a:prstGeom>
                  <ask:type>
                    <ask:lineSketchFreehand/>
                  </ask:type>
                </ask:lineSketchStyleProps>
              </a:ext>
            </a:extLst>
          </a:ln>
          <a:effectLst>
            <a:outerShdw blurRad="50800" dist="38100" dir="18900000" algn="b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2000" noProof="0" dirty="0">
                <a:solidFill>
                  <a:schemeClr val="tx1"/>
                </a:solidFill>
                <a:latin typeface="Comic Sans MS" panose="030F0702030302020204" pitchFamily="66" charset="0"/>
              </a:rPr>
              <a:t>Hello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647344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4928A31-1189-B7FD-63AD-0C36796D060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E3E8F557-4A5A-99F2-DC69-A412BC23122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2AAF74B2-DA3D-80C8-00EC-9E25B6B10C6C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Let’s watch an online video of a talking parrot!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7893B1C0-7565-F28A-ED38-A8EE9240189B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355EDEEC-D4FB-C21F-EA47-95C3206EB0CB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72B628B8-9B1F-5F9D-9FD8-77BFA288092B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158412B5-928E-29FE-B5E0-82E7ABC0371C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F674860B-F4A6-828D-1688-E0E24023B5AD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0" name="Straight Arrow Connector 9">
              <a:extLst>
                <a:ext uri="{FF2B5EF4-FFF2-40B4-BE49-F238E27FC236}">
                  <a16:creationId xmlns:a16="http://schemas.microsoft.com/office/drawing/2014/main" id="{E34190E6-625C-C0D1-F4FB-6E70F1A9E1A9}"/>
                </a:ext>
              </a:extLst>
            </p:cNvPr>
            <p:cNvCxnSpPr>
              <a:cxnSpLocks/>
              <a:stCxn id="11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A31B3044-100F-4472-E555-12B31B6F9A6C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FFE387D3-18D3-A858-B236-B271FF4C81A0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20" name="Picture 19" descr="A video player screen with a play button&#10;&#10;AI-generated content may be incorrect.">
            <a:hlinkClick r:id="rId5" tooltip="The Parrot you need to meet in Toronto - Talking Parrot"/>
            <a:extLst>
              <a:ext uri="{FF2B5EF4-FFF2-40B4-BE49-F238E27FC236}">
                <a16:creationId xmlns:a16="http://schemas.microsoft.com/office/drawing/2014/main" id="{82564975-640D-BFB7-F29A-4136B6C7C029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71227" y="1811991"/>
            <a:ext cx="5849547" cy="4397187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2380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0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AEFCDBC-6E0A-4CDA-CF0C-4C04A3D76D6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FE1B4E43-6D1A-4391-7CFC-F665D7F1774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CB09245E-6231-2250-7592-91115332B414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does the parrot say in the video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016E5C5E-D3E5-6832-E67C-55FCD0C39275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4B2EB8D9-72B8-012F-0E3B-B8F0E3F3B6C0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E77D69A7-21D7-7026-D9DF-E55C93494544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DC84B5D4-0DD3-13A2-AAFC-BCA696BB44D6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7BBDDB30-B0D1-EB8A-3B63-A162C9C45D31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7EECB536-A95D-61EB-2B0E-8B2EE6596FA3}"/>
                </a:ext>
              </a:extLst>
            </p:cNvPr>
            <p:cNvCxnSpPr>
              <a:cxnSpLocks/>
              <a:stCxn id="16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6" name="圓角矩形 10">
              <a:extLst>
                <a:ext uri="{FF2B5EF4-FFF2-40B4-BE49-F238E27FC236}">
                  <a16:creationId xmlns:a16="http://schemas.microsoft.com/office/drawing/2014/main" id="{6A1104BF-3AC4-4823-5F82-A18CEA0A7D4E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E78AC895-0978-E83A-7C51-79E57955FE22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0" name="Picture 9" descr="A parrot on a branch&#10;&#10;AI-generated content may be incorrect.">
            <a:extLst>
              <a:ext uri="{FF2B5EF4-FFF2-40B4-BE49-F238E27FC236}">
                <a16:creationId xmlns:a16="http://schemas.microsoft.com/office/drawing/2014/main" id="{72864ED7-426E-4156-19A2-D80BA84405E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10637" y="2215800"/>
            <a:ext cx="3871161" cy="387116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1" name="Speech Bubble: Rectangle with Corners Rounded 10">
            <a:extLst>
              <a:ext uri="{FF2B5EF4-FFF2-40B4-BE49-F238E27FC236}">
                <a16:creationId xmlns:a16="http://schemas.microsoft.com/office/drawing/2014/main" id="{0275A0D1-5C6A-2215-3FC5-5DE3862659EF}"/>
              </a:ext>
            </a:extLst>
          </p:cNvPr>
          <p:cNvSpPr/>
          <p:nvPr/>
        </p:nvSpPr>
        <p:spPr>
          <a:xfrm>
            <a:off x="6090754" y="1871000"/>
            <a:ext cx="3613745" cy="1788458"/>
          </a:xfrm>
          <a:custGeom>
            <a:avLst/>
            <a:gdLst>
              <a:gd name="connsiteX0" fmla="*/ 0 w 3613745"/>
              <a:gd name="connsiteY0" fmla="*/ 298082 h 1788458"/>
              <a:gd name="connsiteX1" fmla="*/ 298082 w 3613745"/>
              <a:gd name="connsiteY1" fmla="*/ 0 h 1788458"/>
              <a:gd name="connsiteX2" fmla="*/ 602291 w 3613745"/>
              <a:gd name="connsiteY2" fmla="*/ 0 h 1788458"/>
              <a:gd name="connsiteX3" fmla="*/ 602291 w 3613745"/>
              <a:gd name="connsiteY3" fmla="*/ 0 h 1788458"/>
              <a:gd name="connsiteX4" fmla="*/ 1026906 w 3613745"/>
              <a:gd name="connsiteY4" fmla="*/ 0 h 1788458"/>
              <a:gd name="connsiteX5" fmla="*/ 1505727 w 3613745"/>
              <a:gd name="connsiteY5" fmla="*/ 0 h 1788458"/>
              <a:gd name="connsiteX6" fmla="*/ 2145238 w 3613745"/>
              <a:gd name="connsiteY6" fmla="*/ 0 h 1788458"/>
              <a:gd name="connsiteX7" fmla="*/ 2730450 w 3613745"/>
              <a:gd name="connsiteY7" fmla="*/ 0 h 1788458"/>
              <a:gd name="connsiteX8" fmla="*/ 3315663 w 3613745"/>
              <a:gd name="connsiteY8" fmla="*/ 0 h 1788458"/>
              <a:gd name="connsiteX9" fmla="*/ 3613745 w 3613745"/>
              <a:gd name="connsiteY9" fmla="*/ 298082 h 1788458"/>
              <a:gd name="connsiteX10" fmla="*/ 3613745 w 3613745"/>
              <a:gd name="connsiteY10" fmla="*/ 685578 h 1788458"/>
              <a:gd name="connsiteX11" fmla="*/ 3613745 w 3613745"/>
              <a:gd name="connsiteY11" fmla="*/ 1043267 h 1788458"/>
              <a:gd name="connsiteX12" fmla="*/ 3613745 w 3613745"/>
              <a:gd name="connsiteY12" fmla="*/ 1043267 h 1788458"/>
              <a:gd name="connsiteX13" fmla="*/ 3613745 w 3613745"/>
              <a:gd name="connsiteY13" fmla="*/ 1490382 h 1788458"/>
              <a:gd name="connsiteX14" fmla="*/ 3613745 w 3613745"/>
              <a:gd name="connsiteY14" fmla="*/ 1490376 h 1788458"/>
              <a:gd name="connsiteX15" fmla="*/ 3315663 w 3613745"/>
              <a:gd name="connsiteY15" fmla="*/ 1788458 h 1788458"/>
              <a:gd name="connsiteX16" fmla="*/ 2676152 w 3613745"/>
              <a:gd name="connsiteY16" fmla="*/ 1788458 h 1788458"/>
              <a:gd name="connsiteX17" fmla="*/ 2090940 w 3613745"/>
              <a:gd name="connsiteY17" fmla="*/ 1788458 h 1788458"/>
              <a:gd name="connsiteX18" fmla="*/ 1505727 w 3613745"/>
              <a:gd name="connsiteY18" fmla="*/ 1788458 h 1788458"/>
              <a:gd name="connsiteX19" fmla="*/ 1072078 w 3613745"/>
              <a:gd name="connsiteY19" fmla="*/ 1788458 h 1788458"/>
              <a:gd name="connsiteX20" fmla="*/ 602291 w 3613745"/>
              <a:gd name="connsiteY20" fmla="*/ 1788458 h 1788458"/>
              <a:gd name="connsiteX21" fmla="*/ 602291 w 3613745"/>
              <a:gd name="connsiteY21" fmla="*/ 1788458 h 1788458"/>
              <a:gd name="connsiteX22" fmla="*/ 298082 w 3613745"/>
              <a:gd name="connsiteY22" fmla="*/ 1788458 h 1788458"/>
              <a:gd name="connsiteX23" fmla="*/ 0 w 3613745"/>
              <a:gd name="connsiteY23" fmla="*/ 1490376 h 1788458"/>
              <a:gd name="connsiteX24" fmla="*/ 0 w 3613745"/>
              <a:gd name="connsiteY24" fmla="*/ 1490382 h 1788458"/>
              <a:gd name="connsiteX25" fmla="*/ -501986 w 3613745"/>
              <a:gd name="connsiteY25" fmla="*/ 1429333 h 1788458"/>
              <a:gd name="connsiteX26" fmla="*/ -1024461 w 3613745"/>
              <a:gd name="connsiteY26" fmla="*/ 1365792 h 1788458"/>
              <a:gd name="connsiteX27" fmla="*/ -512231 w 3613745"/>
              <a:gd name="connsiteY27" fmla="*/ 1204530 h 1788458"/>
              <a:gd name="connsiteX28" fmla="*/ 0 w 3613745"/>
              <a:gd name="connsiteY28" fmla="*/ 1043267 h 1788458"/>
              <a:gd name="connsiteX29" fmla="*/ 0 w 3613745"/>
              <a:gd name="connsiteY29" fmla="*/ 693030 h 1788458"/>
              <a:gd name="connsiteX30" fmla="*/ 0 w 3613745"/>
              <a:gd name="connsiteY30" fmla="*/ 298082 h 178845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</a:cxnLst>
            <a:rect l="l" t="t" r="r" b="b"/>
            <a:pathLst>
              <a:path w="3613745" h="1788458" fill="none" extrusionOk="0">
                <a:moveTo>
                  <a:pt x="0" y="298082"/>
                </a:moveTo>
                <a:cubicBezTo>
                  <a:pt x="-34304" y="152227"/>
                  <a:pt x="115774" y="4580"/>
                  <a:pt x="298082" y="0"/>
                </a:cubicBezTo>
                <a:cubicBezTo>
                  <a:pt x="396749" y="4433"/>
                  <a:pt x="485734" y="7092"/>
                  <a:pt x="602291" y="0"/>
                </a:cubicBezTo>
                <a:lnTo>
                  <a:pt x="602291" y="0"/>
                </a:lnTo>
                <a:cubicBezTo>
                  <a:pt x="713035" y="15507"/>
                  <a:pt x="921534" y="-15049"/>
                  <a:pt x="1026906" y="0"/>
                </a:cubicBezTo>
                <a:cubicBezTo>
                  <a:pt x="1132279" y="15049"/>
                  <a:pt x="1375545" y="8351"/>
                  <a:pt x="1505727" y="0"/>
                </a:cubicBezTo>
                <a:cubicBezTo>
                  <a:pt x="1822450" y="-20317"/>
                  <a:pt x="1995035" y="8422"/>
                  <a:pt x="2145238" y="0"/>
                </a:cubicBezTo>
                <a:cubicBezTo>
                  <a:pt x="2295441" y="-8422"/>
                  <a:pt x="2494574" y="9035"/>
                  <a:pt x="2730450" y="0"/>
                </a:cubicBezTo>
                <a:cubicBezTo>
                  <a:pt x="2966326" y="-9035"/>
                  <a:pt x="3027282" y="-26648"/>
                  <a:pt x="3315663" y="0"/>
                </a:cubicBezTo>
                <a:cubicBezTo>
                  <a:pt x="3483484" y="-2028"/>
                  <a:pt x="3610476" y="114104"/>
                  <a:pt x="3613745" y="298082"/>
                </a:cubicBezTo>
                <a:cubicBezTo>
                  <a:pt x="3627318" y="403825"/>
                  <a:pt x="3608246" y="588247"/>
                  <a:pt x="3613745" y="685578"/>
                </a:cubicBezTo>
                <a:cubicBezTo>
                  <a:pt x="3619244" y="782909"/>
                  <a:pt x="3604549" y="955145"/>
                  <a:pt x="3613745" y="1043267"/>
                </a:cubicBezTo>
                <a:lnTo>
                  <a:pt x="3613745" y="1043267"/>
                </a:lnTo>
                <a:cubicBezTo>
                  <a:pt x="3622757" y="1265207"/>
                  <a:pt x="3598017" y="1344356"/>
                  <a:pt x="3613745" y="1490382"/>
                </a:cubicBezTo>
                <a:lnTo>
                  <a:pt x="3613745" y="1490376"/>
                </a:lnTo>
                <a:cubicBezTo>
                  <a:pt x="3584591" y="1648981"/>
                  <a:pt x="3459879" y="1776372"/>
                  <a:pt x="3315663" y="1788458"/>
                </a:cubicBezTo>
                <a:cubicBezTo>
                  <a:pt x="3116161" y="1771534"/>
                  <a:pt x="2832897" y="1812312"/>
                  <a:pt x="2676152" y="1788458"/>
                </a:cubicBezTo>
                <a:cubicBezTo>
                  <a:pt x="2519407" y="1764604"/>
                  <a:pt x="2245464" y="1764135"/>
                  <a:pt x="2090940" y="1788458"/>
                </a:cubicBezTo>
                <a:cubicBezTo>
                  <a:pt x="1936416" y="1812781"/>
                  <a:pt x="1662953" y="1815802"/>
                  <a:pt x="1505727" y="1788458"/>
                </a:cubicBezTo>
                <a:cubicBezTo>
                  <a:pt x="1343041" y="1776296"/>
                  <a:pt x="1262184" y="1807968"/>
                  <a:pt x="1072078" y="1788458"/>
                </a:cubicBezTo>
                <a:cubicBezTo>
                  <a:pt x="881972" y="1768948"/>
                  <a:pt x="716949" y="1801685"/>
                  <a:pt x="602291" y="1788458"/>
                </a:cubicBezTo>
                <a:lnTo>
                  <a:pt x="602291" y="1788458"/>
                </a:lnTo>
                <a:cubicBezTo>
                  <a:pt x="452775" y="1790711"/>
                  <a:pt x="439194" y="1786312"/>
                  <a:pt x="298082" y="1788458"/>
                </a:cubicBezTo>
                <a:cubicBezTo>
                  <a:pt x="133010" y="1813805"/>
                  <a:pt x="2629" y="1651124"/>
                  <a:pt x="0" y="1490376"/>
                </a:cubicBezTo>
                <a:lnTo>
                  <a:pt x="0" y="1490382"/>
                </a:lnTo>
                <a:cubicBezTo>
                  <a:pt x="-101704" y="1458737"/>
                  <a:pt x="-388891" y="1437310"/>
                  <a:pt x="-501986" y="1429333"/>
                </a:cubicBezTo>
                <a:cubicBezTo>
                  <a:pt x="-615081" y="1421356"/>
                  <a:pt x="-795552" y="1397749"/>
                  <a:pt x="-1024461" y="1365792"/>
                </a:cubicBezTo>
                <a:cubicBezTo>
                  <a:pt x="-894785" y="1319861"/>
                  <a:pt x="-730501" y="1262459"/>
                  <a:pt x="-512231" y="1204530"/>
                </a:cubicBezTo>
                <a:cubicBezTo>
                  <a:pt x="-293961" y="1146600"/>
                  <a:pt x="-141940" y="1083767"/>
                  <a:pt x="0" y="1043267"/>
                </a:cubicBezTo>
                <a:cubicBezTo>
                  <a:pt x="-13142" y="955317"/>
                  <a:pt x="998" y="767696"/>
                  <a:pt x="0" y="693030"/>
                </a:cubicBezTo>
                <a:cubicBezTo>
                  <a:pt x="-998" y="618364"/>
                  <a:pt x="-12438" y="475232"/>
                  <a:pt x="0" y="298082"/>
                </a:cubicBezTo>
                <a:close/>
              </a:path>
              <a:path w="3613745" h="1788458" stroke="0" extrusionOk="0">
                <a:moveTo>
                  <a:pt x="0" y="298082"/>
                </a:moveTo>
                <a:cubicBezTo>
                  <a:pt x="19892" y="166832"/>
                  <a:pt x="170729" y="13482"/>
                  <a:pt x="298082" y="0"/>
                </a:cubicBezTo>
                <a:cubicBezTo>
                  <a:pt x="374065" y="-1575"/>
                  <a:pt x="516625" y="-2514"/>
                  <a:pt x="602291" y="0"/>
                </a:cubicBezTo>
                <a:lnTo>
                  <a:pt x="602291" y="0"/>
                </a:lnTo>
                <a:cubicBezTo>
                  <a:pt x="740415" y="20173"/>
                  <a:pt x="864126" y="-9465"/>
                  <a:pt x="1063043" y="0"/>
                </a:cubicBezTo>
                <a:cubicBezTo>
                  <a:pt x="1261960" y="9465"/>
                  <a:pt x="1335558" y="-10908"/>
                  <a:pt x="1505727" y="0"/>
                </a:cubicBezTo>
                <a:cubicBezTo>
                  <a:pt x="1714999" y="2476"/>
                  <a:pt x="1798134" y="9605"/>
                  <a:pt x="2072840" y="0"/>
                </a:cubicBezTo>
                <a:cubicBezTo>
                  <a:pt x="2347546" y="-9605"/>
                  <a:pt x="2477080" y="-23301"/>
                  <a:pt x="2639954" y="0"/>
                </a:cubicBezTo>
                <a:cubicBezTo>
                  <a:pt x="2802828" y="23301"/>
                  <a:pt x="2986822" y="-2665"/>
                  <a:pt x="3315663" y="0"/>
                </a:cubicBezTo>
                <a:cubicBezTo>
                  <a:pt x="3457620" y="-14758"/>
                  <a:pt x="3600142" y="135922"/>
                  <a:pt x="3613745" y="298082"/>
                </a:cubicBezTo>
                <a:cubicBezTo>
                  <a:pt x="3626472" y="422175"/>
                  <a:pt x="3631493" y="501763"/>
                  <a:pt x="3613745" y="670675"/>
                </a:cubicBezTo>
                <a:cubicBezTo>
                  <a:pt x="3595997" y="839587"/>
                  <a:pt x="3615384" y="865396"/>
                  <a:pt x="3613745" y="1043267"/>
                </a:cubicBezTo>
                <a:lnTo>
                  <a:pt x="3613745" y="1043267"/>
                </a:lnTo>
                <a:cubicBezTo>
                  <a:pt x="3619751" y="1149658"/>
                  <a:pt x="3622684" y="1283321"/>
                  <a:pt x="3613745" y="1490382"/>
                </a:cubicBezTo>
                <a:lnTo>
                  <a:pt x="3613745" y="1490376"/>
                </a:lnTo>
                <a:cubicBezTo>
                  <a:pt x="3624697" y="1656173"/>
                  <a:pt x="3475960" y="1769606"/>
                  <a:pt x="3315663" y="1788458"/>
                </a:cubicBezTo>
                <a:cubicBezTo>
                  <a:pt x="3174043" y="1783545"/>
                  <a:pt x="3007545" y="1793601"/>
                  <a:pt x="2766649" y="1788458"/>
                </a:cubicBezTo>
                <a:cubicBezTo>
                  <a:pt x="2525753" y="1783315"/>
                  <a:pt x="2395321" y="1783077"/>
                  <a:pt x="2217635" y="1788458"/>
                </a:cubicBezTo>
                <a:cubicBezTo>
                  <a:pt x="2039949" y="1793839"/>
                  <a:pt x="1750817" y="1820306"/>
                  <a:pt x="1505727" y="1788458"/>
                </a:cubicBezTo>
                <a:cubicBezTo>
                  <a:pt x="1292771" y="1767897"/>
                  <a:pt x="1168700" y="1791854"/>
                  <a:pt x="1044975" y="1788458"/>
                </a:cubicBezTo>
                <a:cubicBezTo>
                  <a:pt x="921250" y="1785062"/>
                  <a:pt x="750956" y="1798486"/>
                  <a:pt x="602291" y="1788458"/>
                </a:cubicBezTo>
                <a:lnTo>
                  <a:pt x="602291" y="1788458"/>
                </a:lnTo>
                <a:cubicBezTo>
                  <a:pt x="528123" y="1780298"/>
                  <a:pt x="359233" y="1789815"/>
                  <a:pt x="298082" y="1788458"/>
                </a:cubicBezTo>
                <a:cubicBezTo>
                  <a:pt x="133121" y="1771945"/>
                  <a:pt x="7811" y="1614870"/>
                  <a:pt x="0" y="1490376"/>
                </a:cubicBezTo>
                <a:lnTo>
                  <a:pt x="0" y="1490382"/>
                </a:lnTo>
                <a:cubicBezTo>
                  <a:pt x="-195456" y="1469586"/>
                  <a:pt x="-336640" y="1471040"/>
                  <a:pt x="-481497" y="1431825"/>
                </a:cubicBezTo>
                <a:cubicBezTo>
                  <a:pt x="-626354" y="1392610"/>
                  <a:pt x="-781396" y="1414827"/>
                  <a:pt x="-1024461" y="1365792"/>
                </a:cubicBezTo>
                <a:cubicBezTo>
                  <a:pt x="-894033" y="1350790"/>
                  <a:pt x="-657420" y="1260544"/>
                  <a:pt x="-501986" y="1201304"/>
                </a:cubicBezTo>
                <a:cubicBezTo>
                  <a:pt x="-346552" y="1142064"/>
                  <a:pt x="-139044" y="1060989"/>
                  <a:pt x="0" y="1043267"/>
                </a:cubicBezTo>
                <a:cubicBezTo>
                  <a:pt x="2602" y="853727"/>
                  <a:pt x="-7322" y="794945"/>
                  <a:pt x="0" y="655771"/>
                </a:cubicBezTo>
                <a:cubicBezTo>
                  <a:pt x="7322" y="516597"/>
                  <a:pt x="11146" y="432564"/>
                  <a:pt x="0" y="298082"/>
                </a:cubicBezTo>
                <a:close/>
              </a:path>
            </a:pathLst>
          </a:custGeom>
          <a:solidFill>
            <a:schemeClr val="bg1"/>
          </a:solidFill>
          <a:ln w="19050">
            <a:solidFill>
              <a:srgbClr val="18A74B"/>
            </a:solidFill>
            <a:extLst>
              <a:ext uri="{C807C97D-BFC1-408E-A445-0C87EB9F89A2}">
                <ask:lineSketchStyleProps xmlns:ask="http://schemas.microsoft.com/office/drawing/2018/sketchyshapes" sd="3651183104">
                  <a:prstGeom prst="wedgeRoundRectCallout">
                    <a:avLst>
                      <a:gd name="adj1" fmla="val -78349"/>
                      <a:gd name="adj2" fmla="val 26367"/>
                      <a:gd name="adj3" fmla="val 16667"/>
                    </a:avLst>
                  </a:prstGeom>
                  <ask:type>
                    <ask:lineSketchFreehand/>
                  </ask:type>
                </ask:lineSketchStyleProps>
              </a:ext>
            </a:extLst>
          </a:ln>
          <a:effectLst>
            <a:outerShdw blurRad="50800" dist="38100" dir="18900000" algn="b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3200" noProof="0" dirty="0">
                <a:solidFill>
                  <a:schemeClr val="tx1"/>
                </a:solidFill>
                <a:latin typeface="Comic Sans MS" panose="030F0702030302020204" pitchFamily="66" charset="0"/>
              </a:rPr>
              <a:t>Hi!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3200" noProof="0" dirty="0">
                <a:solidFill>
                  <a:schemeClr val="tx1"/>
                </a:solidFill>
                <a:latin typeface="Comic Sans MS" panose="030F0702030302020204" pitchFamily="66" charset="0"/>
              </a:rPr>
              <a:t>How are you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3200" noProof="0" dirty="0">
                <a:solidFill>
                  <a:schemeClr val="tx1"/>
                </a:solidFill>
                <a:latin typeface="Comic Sans MS" panose="030F0702030302020204" pitchFamily="66" charset="0"/>
              </a:rPr>
              <a:t>Hi bird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151243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1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5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0" dur="500"/>
                                        <p:tgtEl>
                                          <p:spTgt spid="1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5" dur="500"/>
                                        <p:tgtEl>
                                          <p:spTgt spid="1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uiExpand="1" build="allAtOnce" animBg="1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DEB7C218-B27F-C59B-69FE-C38AE7B128B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is Ruby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EB778FA3-CBC9-EA33-B627-6C5484848076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7AA621BB-1976-EEF1-B23E-274E8835A331}"/>
                </a:ext>
              </a:extLst>
            </p:cNvPr>
            <p:cNvCxnSpPr>
              <a:cxnSpLocks/>
              <a:stCxn id="12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2" name="圓角矩形 10">
              <a:extLst>
                <a:ext uri="{FF2B5EF4-FFF2-40B4-BE49-F238E27FC236}">
                  <a16:creationId xmlns:a16="http://schemas.microsoft.com/office/drawing/2014/main" id="{3000CF12-1EF5-413F-958B-4F0056479ECF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DB6A690E-D13D-A425-E044-73A8CEECD65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025653" y="3174345"/>
            <a:ext cx="3603112" cy="2718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947CA5CA-7861-E259-711B-778034F086AE}"/>
              </a:ext>
            </a:extLst>
          </p:cNvPr>
          <p:cNvCxnSpPr>
            <a:cxnSpLocks/>
          </p:cNvCxnSpPr>
          <p:nvPr/>
        </p:nvCxnSpPr>
        <p:spPr>
          <a:xfrm>
            <a:off x="5183856" y="5066554"/>
            <a:ext cx="327600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8048351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94A2D26-1834-20D0-2DB4-529766BC0DC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1E45BAA2-C9E6-A4E7-3F1C-FAFEDC7592E6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oday, we are going to read a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oster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about a zoo. 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5BBCCC71-1E1A-A299-8EBC-42390ACEBDC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2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610179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7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A2510A15-0FB7-B1DE-2214-17E95D54EA7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Hmm, Ruby is a panda from China,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ut doesn’t a panda look like the picture on the left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4B9B22C6-FA6D-484F-1A9E-DEDD6D620F80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923CB8B3-9D54-3FC5-8400-C89A519BFD82}"/>
                </a:ext>
              </a:extLst>
            </p:cNvPr>
            <p:cNvCxnSpPr>
              <a:cxnSpLocks/>
              <a:stCxn id="17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7" name="圓角矩形 10">
              <a:extLst>
                <a:ext uri="{FF2B5EF4-FFF2-40B4-BE49-F238E27FC236}">
                  <a16:creationId xmlns:a16="http://schemas.microsoft.com/office/drawing/2014/main" id="{A34B31B7-054F-D28F-0AD1-C53AB6A7C9EA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19" name="Group 18">
            <a:extLst>
              <a:ext uri="{FF2B5EF4-FFF2-40B4-BE49-F238E27FC236}">
                <a16:creationId xmlns:a16="http://schemas.microsoft.com/office/drawing/2014/main" id="{695DDBE1-6B81-A594-28CA-757B1E29FE30}"/>
              </a:ext>
            </a:extLst>
          </p:cNvPr>
          <p:cNvGrpSpPr/>
          <p:nvPr/>
        </p:nvGrpSpPr>
        <p:grpSpPr>
          <a:xfrm>
            <a:off x="804811" y="3278241"/>
            <a:ext cx="4008351" cy="1871475"/>
            <a:chOff x="804811" y="3278241"/>
            <a:chExt cx="4008351" cy="1871475"/>
          </a:xfrm>
        </p:grpSpPr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E482E3AA-307F-319E-7298-3B09E029A988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804811" y="3278241"/>
              <a:ext cx="2807576" cy="1871475"/>
            </a:xfrm>
            <a:prstGeom prst="rect">
              <a:avLst/>
            </a:prstGeom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</p:pic>
        <p:sp>
          <p:nvSpPr>
            <p:cNvPr id="18" name="TextBox 17">
              <a:extLst>
                <a:ext uri="{FF2B5EF4-FFF2-40B4-BE49-F238E27FC236}">
                  <a16:creationId xmlns:a16="http://schemas.microsoft.com/office/drawing/2014/main" id="{6C95A22B-62EE-1FAA-5C37-EE24CFBA94D1}"/>
                </a:ext>
              </a:extLst>
            </p:cNvPr>
            <p:cNvSpPr txBox="1"/>
            <p:nvPr/>
          </p:nvSpPr>
          <p:spPr>
            <a:xfrm>
              <a:off x="3824878" y="3551216"/>
              <a:ext cx="988284" cy="120032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GB" sz="7200" b="1" noProof="0" dirty="0">
                  <a:solidFill>
                    <a:srgbClr val="00B0F0"/>
                  </a:solidFill>
                </a:rPr>
                <a:t>vs</a:t>
              </a:r>
              <a:endParaRPr lang="en-GB" sz="8800" b="1" noProof="0" dirty="0">
                <a:solidFill>
                  <a:srgbClr val="00B0F0"/>
                </a:solidFill>
              </a:endParaRPr>
            </a:p>
          </p:txBody>
        </p:sp>
      </p:grpSp>
      <p:pic>
        <p:nvPicPr>
          <p:cNvPr id="14" name="Picture 13">
            <a:extLst>
              <a:ext uri="{FF2B5EF4-FFF2-40B4-BE49-F238E27FC236}">
                <a16:creationId xmlns:a16="http://schemas.microsoft.com/office/drawing/2014/main" id="{1E0EBC1E-E328-0C46-4C9B-645432F61CC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025653" y="3174345"/>
            <a:ext cx="3603112" cy="2718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15B40669-EE7E-735B-2629-23D50AFF81BF}"/>
              </a:ext>
            </a:extLst>
          </p:cNvPr>
          <p:cNvCxnSpPr>
            <a:cxnSpLocks/>
          </p:cNvCxnSpPr>
          <p:nvPr/>
        </p:nvCxnSpPr>
        <p:spPr>
          <a:xfrm>
            <a:off x="5183856" y="5066554"/>
            <a:ext cx="327600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5927414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682A8538-4ED4-FC82-6634-A60BB35C7FF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giant panda 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s big. It is black and white.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red panda 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s small. It is brown and black.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D1FDACF9-C4CE-3B18-14A2-A3A50664DBB8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36091188-9F6F-DE5A-4D95-06E5F92AF986}"/>
                </a:ext>
              </a:extLst>
            </p:cNvPr>
            <p:cNvCxnSpPr>
              <a:cxnSpLocks/>
              <a:stCxn id="12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2" name="圓角矩形 10">
              <a:extLst>
                <a:ext uri="{FF2B5EF4-FFF2-40B4-BE49-F238E27FC236}">
                  <a16:creationId xmlns:a16="http://schemas.microsoft.com/office/drawing/2014/main" id="{09B7A9D2-5AAD-00C4-A0A1-3045203693A7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5" name="Rectangle 4">
            <a:extLst>
              <a:ext uri="{FF2B5EF4-FFF2-40B4-BE49-F238E27FC236}">
                <a16:creationId xmlns:a16="http://schemas.microsoft.com/office/drawing/2014/main" id="{4DD8425F-901E-3B37-FEB7-0319F7615BB6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075A44D9-2F90-BEFB-9E98-8E2B90BBBFC2}"/>
              </a:ext>
            </a:extLst>
          </p:cNvPr>
          <p:cNvSpPr txBox="1"/>
          <p:nvPr/>
        </p:nvSpPr>
        <p:spPr>
          <a:xfrm>
            <a:off x="1486670" y="5184241"/>
            <a:ext cx="1443857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GB" sz="2000" b="1" noProof="0" dirty="0">
                <a:solidFill>
                  <a:srgbClr val="00B0F0"/>
                </a:solidFill>
              </a:rPr>
              <a:t>giant panda</a:t>
            </a: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65347458-5306-40A0-068B-A8BF5D5D0CC4}"/>
              </a:ext>
            </a:extLst>
          </p:cNvPr>
          <p:cNvGrpSpPr/>
          <p:nvPr/>
        </p:nvGrpSpPr>
        <p:grpSpPr>
          <a:xfrm>
            <a:off x="804811" y="3278241"/>
            <a:ext cx="4008351" cy="1871475"/>
            <a:chOff x="804811" y="3278241"/>
            <a:chExt cx="4008351" cy="1871475"/>
          </a:xfrm>
        </p:grpSpPr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FE6F8D97-FDDC-FF0E-13DB-D66DB562C908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804811" y="3278241"/>
              <a:ext cx="2807576" cy="1871475"/>
            </a:xfrm>
            <a:prstGeom prst="rect">
              <a:avLst/>
            </a:prstGeom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</p:pic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C87FEF5D-F2AB-09D8-9353-61B22DC964C4}"/>
                </a:ext>
              </a:extLst>
            </p:cNvPr>
            <p:cNvSpPr txBox="1"/>
            <p:nvPr/>
          </p:nvSpPr>
          <p:spPr>
            <a:xfrm>
              <a:off x="3824878" y="3551216"/>
              <a:ext cx="988284" cy="120032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GB" sz="7200" b="1" noProof="0" dirty="0">
                  <a:solidFill>
                    <a:srgbClr val="00B0F0"/>
                  </a:solidFill>
                </a:rPr>
                <a:t>vs</a:t>
              </a:r>
              <a:endParaRPr lang="en-GB" sz="8800" b="1" noProof="0" dirty="0">
                <a:solidFill>
                  <a:srgbClr val="00B0F0"/>
                </a:solidFill>
              </a:endParaRPr>
            </a:p>
          </p:txBody>
        </p:sp>
      </p:grpSp>
      <p:pic>
        <p:nvPicPr>
          <p:cNvPr id="23" name="Picture 22">
            <a:extLst>
              <a:ext uri="{FF2B5EF4-FFF2-40B4-BE49-F238E27FC236}">
                <a16:creationId xmlns:a16="http://schemas.microsoft.com/office/drawing/2014/main" id="{319B29CA-2C86-B257-2813-80C7CDB6FB4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025653" y="3174345"/>
            <a:ext cx="3603112" cy="2718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D58421A4-B2A9-4C4B-8C4A-6480A4F681C7}"/>
              </a:ext>
            </a:extLst>
          </p:cNvPr>
          <p:cNvCxnSpPr>
            <a:cxnSpLocks/>
          </p:cNvCxnSpPr>
          <p:nvPr/>
        </p:nvCxnSpPr>
        <p:spPr>
          <a:xfrm>
            <a:off x="5183856" y="5066554"/>
            <a:ext cx="327600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1238229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3248685B-4ADE-EE7B-55C9-88B33C17047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e need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ickets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to get in the zoo.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How much are the tickets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A3EDE08D-5655-E6A2-2DE4-67B1E1153D8A}"/>
              </a:ext>
            </a:extLst>
          </p:cNvPr>
          <p:cNvSpPr/>
          <p:nvPr/>
        </p:nvSpPr>
        <p:spPr>
          <a:xfrm>
            <a:off x="6210326" y="6151495"/>
            <a:ext cx="1975141" cy="432000"/>
          </a:xfrm>
          <a:prstGeom prst="roundRect">
            <a:avLst/>
          </a:prstGeom>
          <a:noFill/>
          <a:ln>
            <a:solidFill>
              <a:srgbClr val="18A74B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10" name="Group 9" hidden="1">
            <a:extLst>
              <a:ext uri="{FF2B5EF4-FFF2-40B4-BE49-F238E27FC236}">
                <a16:creationId xmlns:a16="http://schemas.microsoft.com/office/drawing/2014/main" id="{40F566C6-D828-A58C-2995-0E64AA6BE658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2" name="Straight Arrow Connector 11">
              <a:extLst>
                <a:ext uri="{FF2B5EF4-FFF2-40B4-BE49-F238E27FC236}">
                  <a16:creationId xmlns:a16="http://schemas.microsoft.com/office/drawing/2014/main" id="{35305BFF-C01C-7F2C-7A6A-C1E66BC45828}"/>
                </a:ext>
              </a:extLst>
            </p:cNvPr>
            <p:cNvCxnSpPr>
              <a:cxnSpLocks/>
              <a:stCxn id="16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6" name="圓角矩形 10">
              <a:extLst>
                <a:ext uri="{FF2B5EF4-FFF2-40B4-BE49-F238E27FC236}">
                  <a16:creationId xmlns:a16="http://schemas.microsoft.com/office/drawing/2014/main" id="{74E2CD46-1DBD-F4F9-C7AD-C67E4E364897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14" name="Rectangle 13">
            <a:extLst>
              <a:ext uri="{FF2B5EF4-FFF2-40B4-BE49-F238E27FC236}">
                <a16:creationId xmlns:a16="http://schemas.microsoft.com/office/drawing/2014/main" id="{DA7330F6-72B9-8AE6-C93F-42BE5B8D77CA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825C16CC-568A-C020-658D-4169BB69FA0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002079" y="3429000"/>
            <a:ext cx="4144712" cy="89791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443523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63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91667E-6 7.40741E-7 L 0.1013 0.35602 " pathEditMode="relative" rAng="0" ptsTypes="AA">
                                      <p:cBhvr>
                                        <p:cTn id="26" dur="500" spd="-100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065" y="1780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14" grpId="0" animBg="1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>
            <a:extLst>
              <a:ext uri="{FF2B5EF4-FFF2-40B4-BE49-F238E27FC236}">
                <a16:creationId xmlns:a16="http://schemas.microsoft.com/office/drawing/2014/main" id="{D3EA5A04-A6AE-2CD7-7C22-C8137EA85FD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he poster also includes details of the zoo.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12" name="Group 11">
            <a:extLst>
              <a:ext uri="{FF2B5EF4-FFF2-40B4-BE49-F238E27FC236}">
                <a16:creationId xmlns:a16="http://schemas.microsoft.com/office/drawing/2014/main" id="{72A2D6A8-1E66-EEE5-8FFD-84E23E0CC7EB}"/>
              </a:ext>
            </a:extLst>
          </p:cNvPr>
          <p:cNvGrpSpPr/>
          <p:nvPr/>
        </p:nvGrpSpPr>
        <p:grpSpPr>
          <a:xfrm>
            <a:off x="1739479" y="5215797"/>
            <a:ext cx="2046051" cy="1160835"/>
            <a:chOff x="1864469" y="5090807"/>
            <a:chExt cx="2046051" cy="1160835"/>
          </a:xfrm>
        </p:grpSpPr>
        <p:sp>
          <p:nvSpPr>
            <p:cNvPr id="5" name="圓角矩形 10">
              <a:extLst>
                <a:ext uri="{FF2B5EF4-FFF2-40B4-BE49-F238E27FC236}">
                  <a16:creationId xmlns:a16="http://schemas.microsoft.com/office/drawing/2014/main" id="{4DE20630-678E-A5C7-F33C-E8835A4326D8}"/>
                </a:ext>
              </a:extLst>
            </p:cNvPr>
            <p:cNvSpPr/>
            <p:nvPr/>
          </p:nvSpPr>
          <p:spPr>
            <a:xfrm>
              <a:off x="1864469" y="5090807"/>
              <a:ext cx="1325771" cy="813047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Details of the zoo</a:t>
              </a:r>
            </a:p>
          </p:txBody>
        </p:sp>
        <p:cxnSp>
          <p:nvCxnSpPr>
            <p:cNvPr id="11" name="Connector: Elbow 10">
              <a:extLst>
                <a:ext uri="{FF2B5EF4-FFF2-40B4-BE49-F238E27FC236}">
                  <a16:creationId xmlns:a16="http://schemas.microsoft.com/office/drawing/2014/main" id="{607C84FC-EFF5-5792-A17F-505DF51ECE20}"/>
                </a:ext>
              </a:extLst>
            </p:cNvPr>
            <p:cNvCxnSpPr>
              <a:stCxn id="5" idx="2"/>
            </p:cNvCxnSpPr>
            <p:nvPr/>
          </p:nvCxnSpPr>
          <p:spPr>
            <a:xfrm rot="16200000" flipH="1">
              <a:off x="3045043" y="5386166"/>
              <a:ext cx="347789" cy="1383164"/>
            </a:xfrm>
            <a:prstGeom prst="bentConnector2">
              <a:avLst/>
            </a:prstGeom>
            <a:ln w="12700">
              <a:solidFill>
                <a:srgbClr val="18A74B"/>
              </a:solidFill>
              <a:tailEnd type="triangle"/>
            </a:ln>
            <a:effectLst/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431D0E35-2875-25D5-E343-60D549DB045B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D1CDFF82-4354-868B-8685-67A4AE58A86B}"/>
                </a:ext>
              </a:extLst>
            </p:cNvPr>
            <p:cNvCxnSpPr>
              <a:cxnSpLocks/>
              <a:stCxn id="16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6" name="圓角矩形 10">
              <a:extLst>
                <a:ext uri="{FF2B5EF4-FFF2-40B4-BE49-F238E27FC236}">
                  <a16:creationId xmlns:a16="http://schemas.microsoft.com/office/drawing/2014/main" id="{FC067240-2E6C-86CC-4A15-B6687603B9B5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1132446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Picture 19">
            <a:extLst>
              <a:ext uri="{FF2B5EF4-FFF2-40B4-BE49-F238E27FC236}">
                <a16:creationId xmlns:a16="http://schemas.microsoft.com/office/drawing/2014/main" id="{B7C8D887-0C59-E203-51C1-9E4CCDFE988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en is the zoo open?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14" name="Group 13">
            <a:extLst>
              <a:ext uri="{FF2B5EF4-FFF2-40B4-BE49-F238E27FC236}">
                <a16:creationId xmlns:a16="http://schemas.microsoft.com/office/drawing/2014/main" id="{A5505E4E-A66F-3EBA-19C2-9938EEC056E6}"/>
              </a:ext>
            </a:extLst>
          </p:cNvPr>
          <p:cNvGrpSpPr/>
          <p:nvPr/>
        </p:nvGrpSpPr>
        <p:grpSpPr>
          <a:xfrm>
            <a:off x="1739479" y="5215797"/>
            <a:ext cx="2046051" cy="1160835"/>
            <a:chOff x="1864469" y="5090807"/>
            <a:chExt cx="2046051" cy="1160835"/>
          </a:xfrm>
        </p:grpSpPr>
        <p:sp>
          <p:nvSpPr>
            <p:cNvPr id="18" name="圓角矩形 10">
              <a:extLst>
                <a:ext uri="{FF2B5EF4-FFF2-40B4-BE49-F238E27FC236}">
                  <a16:creationId xmlns:a16="http://schemas.microsoft.com/office/drawing/2014/main" id="{1123C4B5-D969-47D8-62BE-80E62FDB4877}"/>
                </a:ext>
              </a:extLst>
            </p:cNvPr>
            <p:cNvSpPr/>
            <p:nvPr/>
          </p:nvSpPr>
          <p:spPr>
            <a:xfrm>
              <a:off x="1864469" y="5090807"/>
              <a:ext cx="1325771" cy="813047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Details of the zoo</a:t>
              </a:r>
            </a:p>
          </p:txBody>
        </p:sp>
        <p:cxnSp>
          <p:nvCxnSpPr>
            <p:cNvPr id="19" name="Connector: Elbow 18">
              <a:extLst>
                <a:ext uri="{FF2B5EF4-FFF2-40B4-BE49-F238E27FC236}">
                  <a16:creationId xmlns:a16="http://schemas.microsoft.com/office/drawing/2014/main" id="{BE4D1D60-4D43-55C4-BEC1-5B182BADF84E}"/>
                </a:ext>
              </a:extLst>
            </p:cNvPr>
            <p:cNvCxnSpPr>
              <a:stCxn id="18" idx="2"/>
            </p:cNvCxnSpPr>
            <p:nvPr/>
          </p:nvCxnSpPr>
          <p:spPr>
            <a:xfrm rot="16200000" flipH="1">
              <a:off x="3045043" y="5386166"/>
              <a:ext cx="347789" cy="1383164"/>
            </a:xfrm>
            <a:prstGeom prst="bentConnector2">
              <a:avLst/>
            </a:prstGeom>
            <a:ln w="12700">
              <a:solidFill>
                <a:srgbClr val="18A74B"/>
              </a:solidFill>
              <a:tailEnd type="triangle"/>
            </a:ln>
            <a:effectLst/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" name="Group 2" hidden="1">
            <a:extLst>
              <a:ext uri="{FF2B5EF4-FFF2-40B4-BE49-F238E27FC236}">
                <a16:creationId xmlns:a16="http://schemas.microsoft.com/office/drawing/2014/main" id="{94F89B8A-8591-7F6C-9161-272154EE3953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5" name="Straight Arrow Connector 4">
              <a:extLst>
                <a:ext uri="{FF2B5EF4-FFF2-40B4-BE49-F238E27FC236}">
                  <a16:creationId xmlns:a16="http://schemas.microsoft.com/office/drawing/2014/main" id="{93319989-EA63-41EF-7C61-9B073E4AE767}"/>
                </a:ext>
              </a:extLst>
            </p:cNvPr>
            <p:cNvCxnSpPr>
              <a:cxnSpLocks/>
              <a:stCxn id="11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1" name="圓角矩形 10">
              <a:extLst>
                <a:ext uri="{FF2B5EF4-FFF2-40B4-BE49-F238E27FC236}">
                  <a16:creationId xmlns:a16="http://schemas.microsoft.com/office/drawing/2014/main" id="{900B3891-F1E6-6929-7B60-5E5672291729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10" name="Rectangle 9">
            <a:extLst>
              <a:ext uri="{FF2B5EF4-FFF2-40B4-BE49-F238E27FC236}">
                <a16:creationId xmlns:a16="http://schemas.microsoft.com/office/drawing/2014/main" id="{A03B77DF-9E1C-D7B0-E3B0-A165E66AC09D}"/>
              </a:ext>
            </a:extLst>
          </p:cNvPr>
          <p:cNvSpPr/>
          <p:nvPr/>
        </p:nvSpPr>
        <p:spPr>
          <a:xfrm>
            <a:off x="1608470" y="1405218"/>
            <a:ext cx="9652078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22" name="Picture 21">
            <a:extLst>
              <a:ext uri="{FF2B5EF4-FFF2-40B4-BE49-F238E27FC236}">
                <a16:creationId xmlns:a16="http://schemas.microsoft.com/office/drawing/2014/main" id="{CF27F048-95E3-E76A-4997-5EC1A491525A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785530" y="3249677"/>
            <a:ext cx="4750676" cy="100821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245065FA-3AEC-BFD4-6CA6-612A308EEC39}"/>
              </a:ext>
            </a:extLst>
          </p:cNvPr>
          <p:cNvCxnSpPr>
            <a:cxnSpLocks/>
          </p:cNvCxnSpPr>
          <p:nvPr/>
        </p:nvCxnSpPr>
        <p:spPr>
          <a:xfrm>
            <a:off x="4038260" y="3766684"/>
            <a:ext cx="4330341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6837684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45833E-6 -2.22222E-6 L -0.12969 0.38264 " pathEditMode="relative" rAng="0" ptsTypes="AA">
                                      <p:cBhvr>
                                        <p:cTn id="19" dur="500" spd="-100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484" y="1912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801C3827-481F-E041-383D-CC99E0A168C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can you do if you want to find more information?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You can visit the website of the zoo.</a:t>
            </a:r>
          </a:p>
        </p:txBody>
      </p:sp>
      <p:grpSp>
        <p:nvGrpSpPr>
          <p:cNvPr id="2" name="Group 1" hidden="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grpSp>
        <p:nvGrpSpPr>
          <p:cNvPr id="19" name="Group 18">
            <a:extLst>
              <a:ext uri="{FF2B5EF4-FFF2-40B4-BE49-F238E27FC236}">
                <a16:creationId xmlns:a16="http://schemas.microsoft.com/office/drawing/2014/main" id="{FE719DEF-BA38-D970-36AF-E8687EE2FBE8}"/>
              </a:ext>
            </a:extLst>
          </p:cNvPr>
          <p:cNvGrpSpPr/>
          <p:nvPr/>
        </p:nvGrpSpPr>
        <p:grpSpPr>
          <a:xfrm>
            <a:off x="1739479" y="5215797"/>
            <a:ext cx="2046051" cy="1160835"/>
            <a:chOff x="1864469" y="5090807"/>
            <a:chExt cx="2046051" cy="1160835"/>
          </a:xfrm>
        </p:grpSpPr>
        <p:sp>
          <p:nvSpPr>
            <p:cNvPr id="20" name="圓角矩形 10">
              <a:extLst>
                <a:ext uri="{FF2B5EF4-FFF2-40B4-BE49-F238E27FC236}">
                  <a16:creationId xmlns:a16="http://schemas.microsoft.com/office/drawing/2014/main" id="{CB512213-5609-CC50-F1BC-0273570AA3F1}"/>
                </a:ext>
              </a:extLst>
            </p:cNvPr>
            <p:cNvSpPr/>
            <p:nvPr/>
          </p:nvSpPr>
          <p:spPr>
            <a:xfrm>
              <a:off x="1864469" y="5090807"/>
              <a:ext cx="1325771" cy="813047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Details of the zoo</a:t>
              </a:r>
            </a:p>
          </p:txBody>
        </p:sp>
        <p:cxnSp>
          <p:nvCxnSpPr>
            <p:cNvPr id="21" name="Connector: Elbow 20">
              <a:extLst>
                <a:ext uri="{FF2B5EF4-FFF2-40B4-BE49-F238E27FC236}">
                  <a16:creationId xmlns:a16="http://schemas.microsoft.com/office/drawing/2014/main" id="{AB591B89-F193-1C56-D11F-1AC33971F531}"/>
                </a:ext>
              </a:extLst>
            </p:cNvPr>
            <p:cNvCxnSpPr>
              <a:stCxn id="20" idx="2"/>
            </p:cNvCxnSpPr>
            <p:nvPr/>
          </p:nvCxnSpPr>
          <p:spPr>
            <a:xfrm rot="16200000" flipH="1">
              <a:off x="3045043" y="5386166"/>
              <a:ext cx="347789" cy="1383164"/>
            </a:xfrm>
            <a:prstGeom prst="bentConnector2">
              <a:avLst/>
            </a:prstGeom>
            <a:ln w="12700">
              <a:solidFill>
                <a:srgbClr val="18A74B"/>
              </a:solidFill>
              <a:tailEnd type="triangle"/>
            </a:ln>
            <a:effectLst/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5" name="Group 4" hidden="1">
            <a:extLst>
              <a:ext uri="{FF2B5EF4-FFF2-40B4-BE49-F238E27FC236}">
                <a16:creationId xmlns:a16="http://schemas.microsoft.com/office/drawing/2014/main" id="{4909CD19-4D27-1F84-36D6-11356495D415}"/>
              </a:ext>
            </a:extLst>
          </p:cNvPr>
          <p:cNvGrpSpPr/>
          <p:nvPr/>
        </p:nvGrpSpPr>
        <p:grpSpPr>
          <a:xfrm>
            <a:off x="7711888" y="4151381"/>
            <a:ext cx="3042806" cy="1125082"/>
            <a:chOff x="7808821" y="3981856"/>
            <a:chExt cx="3042806" cy="1125082"/>
          </a:xfrm>
        </p:grpSpPr>
        <p:cxnSp>
          <p:nvCxnSpPr>
            <p:cNvPr id="11" name="Straight Arrow Connector 10">
              <a:extLst>
                <a:ext uri="{FF2B5EF4-FFF2-40B4-BE49-F238E27FC236}">
                  <a16:creationId xmlns:a16="http://schemas.microsoft.com/office/drawing/2014/main" id="{564DD9AB-8131-4E81-F48D-9E34E3E9ED37}"/>
                </a:ext>
              </a:extLst>
            </p:cNvPr>
            <p:cNvCxnSpPr>
              <a:cxnSpLocks/>
              <a:stCxn id="12" idx="1"/>
            </p:cNvCxnSpPr>
            <p:nvPr/>
          </p:nvCxnSpPr>
          <p:spPr>
            <a:xfrm flipH="1">
              <a:off x="7808821" y="4544397"/>
              <a:ext cx="1386806" cy="0"/>
            </a:xfrm>
            <a:prstGeom prst="straightConnector1">
              <a:avLst/>
            </a:prstGeom>
            <a:ln w="12700">
              <a:solidFill>
                <a:srgbClr val="18A74B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2" name="圓角矩形 10">
              <a:extLst>
                <a:ext uri="{FF2B5EF4-FFF2-40B4-BE49-F238E27FC236}">
                  <a16:creationId xmlns:a16="http://schemas.microsoft.com/office/drawing/2014/main" id="{961F7051-4AEB-C6EC-EB1A-794675617E42}"/>
                </a:ext>
              </a:extLst>
            </p:cNvPr>
            <p:cNvSpPr/>
            <p:nvPr/>
          </p:nvSpPr>
          <p:spPr>
            <a:xfrm>
              <a:off x="9195627" y="3981856"/>
              <a:ext cx="1656000" cy="1125082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Pictures to get readers’ attention </a:t>
              </a:r>
            </a:p>
          </p:txBody>
        </p:sp>
      </p:grpSp>
      <p:sp>
        <p:nvSpPr>
          <p:cNvPr id="10" name="Rectangle 9">
            <a:extLst>
              <a:ext uri="{FF2B5EF4-FFF2-40B4-BE49-F238E27FC236}">
                <a16:creationId xmlns:a16="http://schemas.microsoft.com/office/drawing/2014/main" id="{A03B77DF-9E1C-D7B0-E3B0-A165E66AC09D}"/>
              </a:ext>
            </a:extLst>
          </p:cNvPr>
          <p:cNvSpPr/>
          <p:nvPr/>
        </p:nvSpPr>
        <p:spPr>
          <a:xfrm>
            <a:off x="1608470" y="1405218"/>
            <a:ext cx="9652078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C7C271F9-C556-D1EE-521B-8D5E4557754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785530" y="3249677"/>
            <a:ext cx="4750676" cy="100821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245065FA-3AEC-BFD4-6CA6-612A308EEC39}"/>
              </a:ext>
            </a:extLst>
          </p:cNvPr>
          <p:cNvCxnSpPr>
            <a:cxnSpLocks/>
          </p:cNvCxnSpPr>
          <p:nvPr/>
        </p:nvCxnSpPr>
        <p:spPr>
          <a:xfrm>
            <a:off x="3980512" y="4104043"/>
            <a:ext cx="237600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9152752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CEA4AAC3-5FE8-7CD7-5927-4A81615E6BF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120923" y="3586596"/>
            <a:ext cx="3950153" cy="24546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6220086E-2702-3DAE-CA52-230C1AFDFF02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b="57214"/>
          <a:stretch/>
        </p:blipFill>
        <p:spPr>
          <a:xfrm>
            <a:off x="688190" y="1534584"/>
            <a:ext cx="8519050" cy="1328927"/>
          </a:xfrm>
          <a:prstGeom prst="rect">
            <a:avLst/>
          </a:prstGeom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D293821D-7E9C-41AF-939B-7BD8F5E9C3C3}"/>
              </a:ext>
            </a:extLst>
          </p:cNvPr>
          <p:cNvSpPr/>
          <p:nvPr/>
        </p:nvSpPr>
        <p:spPr>
          <a:xfrm>
            <a:off x="0" y="-1"/>
            <a:ext cx="12192000" cy="1260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 eaLnBrk="1" hangingPunct="1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Now, let’s answer some questions.</a:t>
            </a:r>
          </a:p>
        </p:txBody>
      </p:sp>
      <p:sp>
        <p:nvSpPr>
          <p:cNvPr id="17" name="Oval 16">
            <a:extLst>
              <a:ext uri="{FF2B5EF4-FFF2-40B4-BE49-F238E27FC236}">
                <a16:creationId xmlns:a16="http://schemas.microsoft.com/office/drawing/2014/main" id="{F54E1F8B-EE70-2B6B-603E-1CA015D9E268}"/>
              </a:ext>
            </a:extLst>
          </p:cNvPr>
          <p:cNvSpPr/>
          <p:nvPr/>
        </p:nvSpPr>
        <p:spPr>
          <a:xfrm>
            <a:off x="7363651" y="2359511"/>
            <a:ext cx="504000" cy="504000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B0321093-3B9B-9CED-B13D-B5D45C600428}"/>
              </a:ext>
            </a:extLst>
          </p:cNvPr>
          <p:cNvCxnSpPr>
            <a:cxnSpLocks/>
          </p:cNvCxnSpPr>
          <p:nvPr/>
        </p:nvCxnSpPr>
        <p:spPr>
          <a:xfrm>
            <a:off x="4292123" y="5530321"/>
            <a:ext cx="1771451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2" name="Group 11">
            <a:extLst>
              <a:ext uri="{FF2B5EF4-FFF2-40B4-BE49-F238E27FC236}">
                <a16:creationId xmlns:a16="http://schemas.microsoft.com/office/drawing/2014/main" id="{5F20E9F1-D324-2686-9CA7-75B7195FB797}"/>
              </a:ext>
            </a:extLst>
          </p:cNvPr>
          <p:cNvGrpSpPr/>
          <p:nvPr/>
        </p:nvGrpSpPr>
        <p:grpSpPr>
          <a:xfrm>
            <a:off x="6438378" y="4415424"/>
            <a:ext cx="4647156" cy="475989"/>
            <a:chOff x="6438378" y="4415424"/>
            <a:chExt cx="4647156" cy="475989"/>
          </a:xfrm>
        </p:grpSpPr>
        <p:cxnSp>
          <p:nvCxnSpPr>
            <p:cNvPr id="10" name="Straight Arrow Connector 9">
              <a:extLst>
                <a:ext uri="{FF2B5EF4-FFF2-40B4-BE49-F238E27FC236}">
                  <a16:creationId xmlns:a16="http://schemas.microsoft.com/office/drawing/2014/main" id="{3F3B9C7D-FE28-EB13-2D38-FE19D7235302}"/>
                </a:ext>
              </a:extLst>
            </p:cNvPr>
            <p:cNvCxnSpPr/>
            <p:nvPr/>
          </p:nvCxnSpPr>
          <p:spPr>
            <a:xfrm flipH="1">
              <a:off x="6438378" y="4653419"/>
              <a:ext cx="2198318" cy="0"/>
            </a:xfrm>
            <a:prstGeom prst="straightConnector1">
              <a:avLst/>
            </a:prstGeom>
            <a:ln w="19050">
              <a:solidFill>
                <a:schemeClr val="accent2"/>
              </a:solidFill>
              <a:tailEnd type="triangle"/>
            </a:ln>
            <a:effectLst>
              <a:glow rad="63500">
                <a:schemeClr val="bg1"/>
              </a:glo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01826DEB-D755-9558-BC9B-0E753632EC1D}"/>
                </a:ext>
              </a:extLst>
            </p:cNvPr>
            <p:cNvSpPr/>
            <p:nvPr/>
          </p:nvSpPr>
          <p:spPr>
            <a:xfrm>
              <a:off x="8636696" y="4415424"/>
              <a:ext cx="2448838" cy="475989"/>
            </a:xfrm>
            <a:custGeom>
              <a:avLst/>
              <a:gdLst>
                <a:gd name="connsiteX0" fmla="*/ 0 w 2448838"/>
                <a:gd name="connsiteY0" fmla="*/ 169100 h 475989"/>
                <a:gd name="connsiteX1" fmla="*/ 169100 w 2448838"/>
                <a:gd name="connsiteY1" fmla="*/ 0 h 475989"/>
                <a:gd name="connsiteX2" fmla="*/ 654547 w 2448838"/>
                <a:gd name="connsiteY2" fmla="*/ 0 h 475989"/>
                <a:gd name="connsiteX3" fmla="*/ 1161100 w 2448838"/>
                <a:gd name="connsiteY3" fmla="*/ 0 h 475989"/>
                <a:gd name="connsiteX4" fmla="*/ 1667653 w 2448838"/>
                <a:gd name="connsiteY4" fmla="*/ 0 h 475989"/>
                <a:gd name="connsiteX5" fmla="*/ 2279738 w 2448838"/>
                <a:gd name="connsiteY5" fmla="*/ 0 h 475989"/>
                <a:gd name="connsiteX6" fmla="*/ 2448838 w 2448838"/>
                <a:gd name="connsiteY6" fmla="*/ 169100 h 475989"/>
                <a:gd name="connsiteX7" fmla="*/ 2448838 w 2448838"/>
                <a:gd name="connsiteY7" fmla="*/ 306889 h 475989"/>
                <a:gd name="connsiteX8" fmla="*/ 2279738 w 2448838"/>
                <a:gd name="connsiteY8" fmla="*/ 475989 h 475989"/>
                <a:gd name="connsiteX9" fmla="*/ 1773185 w 2448838"/>
                <a:gd name="connsiteY9" fmla="*/ 475989 h 475989"/>
                <a:gd name="connsiteX10" fmla="*/ 1245525 w 2448838"/>
                <a:gd name="connsiteY10" fmla="*/ 475989 h 475989"/>
                <a:gd name="connsiteX11" fmla="*/ 738972 w 2448838"/>
                <a:gd name="connsiteY11" fmla="*/ 475989 h 475989"/>
                <a:gd name="connsiteX12" fmla="*/ 169100 w 2448838"/>
                <a:gd name="connsiteY12" fmla="*/ 475989 h 475989"/>
                <a:gd name="connsiteX13" fmla="*/ 0 w 2448838"/>
                <a:gd name="connsiteY13" fmla="*/ 306889 h 475989"/>
                <a:gd name="connsiteX14" fmla="*/ 0 w 2448838"/>
                <a:gd name="connsiteY14" fmla="*/ 169100 h 47598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48838" h="475989" fill="none" extrusionOk="0">
                  <a:moveTo>
                    <a:pt x="0" y="169100"/>
                  </a:moveTo>
                  <a:cubicBezTo>
                    <a:pt x="-11364" y="76454"/>
                    <a:pt x="77129" y="3341"/>
                    <a:pt x="169100" y="0"/>
                  </a:cubicBezTo>
                  <a:cubicBezTo>
                    <a:pt x="349970" y="-12591"/>
                    <a:pt x="494084" y="10523"/>
                    <a:pt x="654547" y="0"/>
                  </a:cubicBezTo>
                  <a:cubicBezTo>
                    <a:pt x="815010" y="-10523"/>
                    <a:pt x="962457" y="-19636"/>
                    <a:pt x="1161100" y="0"/>
                  </a:cubicBezTo>
                  <a:cubicBezTo>
                    <a:pt x="1359743" y="19636"/>
                    <a:pt x="1421047" y="-594"/>
                    <a:pt x="1667653" y="0"/>
                  </a:cubicBezTo>
                  <a:cubicBezTo>
                    <a:pt x="1914259" y="594"/>
                    <a:pt x="2066154" y="20387"/>
                    <a:pt x="2279738" y="0"/>
                  </a:cubicBezTo>
                  <a:cubicBezTo>
                    <a:pt x="2377948" y="-6109"/>
                    <a:pt x="2448041" y="68089"/>
                    <a:pt x="2448838" y="169100"/>
                  </a:cubicBezTo>
                  <a:cubicBezTo>
                    <a:pt x="2455501" y="207201"/>
                    <a:pt x="2453636" y="243370"/>
                    <a:pt x="2448838" y="306889"/>
                  </a:cubicBezTo>
                  <a:cubicBezTo>
                    <a:pt x="2453856" y="396457"/>
                    <a:pt x="2351677" y="482002"/>
                    <a:pt x="2279738" y="475989"/>
                  </a:cubicBezTo>
                  <a:cubicBezTo>
                    <a:pt x="2120909" y="488746"/>
                    <a:pt x="1897933" y="473769"/>
                    <a:pt x="1773185" y="475989"/>
                  </a:cubicBezTo>
                  <a:cubicBezTo>
                    <a:pt x="1648437" y="478209"/>
                    <a:pt x="1415524" y="481594"/>
                    <a:pt x="1245525" y="475989"/>
                  </a:cubicBezTo>
                  <a:cubicBezTo>
                    <a:pt x="1075526" y="470384"/>
                    <a:pt x="920486" y="465819"/>
                    <a:pt x="738972" y="475989"/>
                  </a:cubicBezTo>
                  <a:cubicBezTo>
                    <a:pt x="557458" y="486159"/>
                    <a:pt x="330815" y="488264"/>
                    <a:pt x="169100" y="475989"/>
                  </a:cubicBezTo>
                  <a:cubicBezTo>
                    <a:pt x="69692" y="475731"/>
                    <a:pt x="8374" y="399906"/>
                    <a:pt x="0" y="306889"/>
                  </a:cubicBezTo>
                  <a:cubicBezTo>
                    <a:pt x="-454" y="240953"/>
                    <a:pt x="-2623" y="223542"/>
                    <a:pt x="0" y="169100"/>
                  </a:cubicBezTo>
                  <a:close/>
                </a:path>
                <a:path w="2448838" h="475989" stroke="0" extrusionOk="0">
                  <a:moveTo>
                    <a:pt x="0" y="169100"/>
                  </a:moveTo>
                  <a:cubicBezTo>
                    <a:pt x="-7222" y="81935"/>
                    <a:pt x="78269" y="4314"/>
                    <a:pt x="169100" y="0"/>
                  </a:cubicBezTo>
                  <a:cubicBezTo>
                    <a:pt x="268485" y="9720"/>
                    <a:pt x="523501" y="19568"/>
                    <a:pt x="633440" y="0"/>
                  </a:cubicBezTo>
                  <a:cubicBezTo>
                    <a:pt x="743379" y="-19568"/>
                    <a:pt x="1033855" y="27597"/>
                    <a:pt x="1203313" y="0"/>
                  </a:cubicBezTo>
                  <a:cubicBezTo>
                    <a:pt x="1372771" y="-27597"/>
                    <a:pt x="1538277" y="4254"/>
                    <a:pt x="1709866" y="0"/>
                  </a:cubicBezTo>
                  <a:cubicBezTo>
                    <a:pt x="1881455" y="-4254"/>
                    <a:pt x="2165498" y="-26437"/>
                    <a:pt x="2279738" y="0"/>
                  </a:cubicBezTo>
                  <a:cubicBezTo>
                    <a:pt x="2368611" y="-4453"/>
                    <a:pt x="2452881" y="53326"/>
                    <a:pt x="2448838" y="169100"/>
                  </a:cubicBezTo>
                  <a:cubicBezTo>
                    <a:pt x="2454329" y="215895"/>
                    <a:pt x="2445996" y="240982"/>
                    <a:pt x="2448838" y="306889"/>
                  </a:cubicBezTo>
                  <a:cubicBezTo>
                    <a:pt x="2435586" y="389964"/>
                    <a:pt x="2357494" y="458853"/>
                    <a:pt x="2279738" y="475989"/>
                  </a:cubicBezTo>
                  <a:cubicBezTo>
                    <a:pt x="2119789" y="504340"/>
                    <a:pt x="1874688" y="455462"/>
                    <a:pt x="1709866" y="475989"/>
                  </a:cubicBezTo>
                  <a:cubicBezTo>
                    <a:pt x="1545044" y="496516"/>
                    <a:pt x="1354535" y="489654"/>
                    <a:pt x="1182206" y="475989"/>
                  </a:cubicBezTo>
                  <a:cubicBezTo>
                    <a:pt x="1009877" y="462324"/>
                    <a:pt x="784428" y="496659"/>
                    <a:pt x="675653" y="475989"/>
                  </a:cubicBezTo>
                  <a:cubicBezTo>
                    <a:pt x="566878" y="455319"/>
                    <a:pt x="346831" y="478580"/>
                    <a:pt x="169100" y="475989"/>
                  </a:cubicBezTo>
                  <a:cubicBezTo>
                    <a:pt x="94258" y="470587"/>
                    <a:pt x="1567" y="393097"/>
                    <a:pt x="0" y="306889"/>
                  </a:cubicBezTo>
                  <a:cubicBezTo>
                    <a:pt x="-4769" y="278747"/>
                    <a:pt x="6566" y="226065"/>
                    <a:pt x="0" y="169100"/>
                  </a:cubicBezTo>
                  <a:close/>
                </a:path>
              </a:pathLst>
            </a:custGeom>
            <a:solidFill>
              <a:schemeClr val="accent2">
                <a:lumMod val="20000"/>
                <a:lumOff val="80000"/>
              </a:schemeClr>
            </a:solidFill>
            <a:ln w="19050">
              <a:extLst>
                <a:ext uri="{C807C97D-BFC1-408E-A445-0C87EB9F89A2}">
                  <ask:lineSketchStyleProps xmlns:ask="http://schemas.microsoft.com/office/drawing/2018/sketchyshapes" sd="2445491589">
                    <a:prstGeom prst="roundRect">
                      <a:avLst>
                        <a:gd name="adj" fmla="val 35526"/>
                      </a:avLst>
                    </a:prstGeom>
                    <ask:type>
                      <ask:lineSketchFreehand/>
                    </ask:type>
                  </ask:lineSketchStyleProps>
                </a:ext>
              </a:extLst>
            </a:ln>
          </p:spPr>
          <p:style>
            <a:lnRef idx="2">
              <a:schemeClr val="accent2"/>
            </a:lnRef>
            <a:fillRef idx="1">
              <a:schemeClr val="lt1"/>
            </a:fillRef>
            <a:effectRef idx="0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GB" sz="2400" noProof="0" dirty="0"/>
                <a:t>A parrot is a </a:t>
              </a:r>
              <a:r>
                <a:rPr lang="en-GB" sz="2400" b="1" noProof="0" dirty="0"/>
                <a:t>bird</a:t>
              </a:r>
              <a:r>
                <a:rPr lang="en-GB" sz="2400" noProof="0" dirty="0"/>
                <a:t>.</a:t>
              </a:r>
            </a:p>
          </p:txBody>
        </p:sp>
      </p:grpSp>
      <p:pic>
        <p:nvPicPr>
          <p:cNvPr id="13" name="Ans">
            <a:extLst>
              <a:ext uri="{FF2B5EF4-FFF2-40B4-BE49-F238E27FC236}">
                <a16:creationId xmlns:a16="http://schemas.microsoft.com/office/drawing/2014/main" id="{D3D0BFE7-E49C-B4BE-9F12-3FBF31BF8F36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262349" y="1955410"/>
            <a:ext cx="451861" cy="468000"/>
          </a:xfrm>
          <a:prstGeom prst="rect">
            <a:avLst/>
          </a:prstGeom>
        </p:spPr>
      </p:pic>
      <p:pic>
        <p:nvPicPr>
          <p:cNvPr id="14" name="Hint">
            <a:extLst>
              <a:ext uri="{FF2B5EF4-FFF2-40B4-BE49-F238E27FC236}">
                <a16:creationId xmlns:a16="http://schemas.microsoft.com/office/drawing/2014/main" id="{9AF28374-BDE4-14E8-07D2-C28BE4EB146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245922" y="2561568"/>
            <a:ext cx="484714" cy="46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892180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>
            <a:extLst>
              <a:ext uri="{FF2B5EF4-FFF2-40B4-BE49-F238E27FC236}">
                <a16:creationId xmlns:a16="http://schemas.microsoft.com/office/drawing/2014/main" id="{55E865F0-8BF1-45CB-664A-EC7E749DB296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t="1" b="88644"/>
          <a:stretch/>
        </p:blipFill>
        <p:spPr>
          <a:xfrm>
            <a:off x="688190" y="1534585"/>
            <a:ext cx="8519050" cy="352686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89C29111-48F7-B61A-4FCD-D62EDAA141F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alphaModFix/>
          </a:blip>
          <a:srcRect t="42786" b="29052"/>
          <a:stretch/>
        </p:blipFill>
        <p:spPr>
          <a:xfrm>
            <a:off x="688190" y="1935124"/>
            <a:ext cx="8519050" cy="874714"/>
          </a:xfrm>
          <a:prstGeom prst="rect">
            <a:avLst/>
          </a:prstGeom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D293821D-7E9C-41AF-939B-7BD8F5E9C3C3}"/>
              </a:ext>
            </a:extLst>
          </p:cNvPr>
          <p:cNvSpPr/>
          <p:nvPr/>
        </p:nvSpPr>
        <p:spPr>
          <a:xfrm>
            <a:off x="0" y="-1"/>
            <a:ext cx="12192000" cy="1260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 eaLnBrk="1" hangingPunct="1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Now, let’s answer some questions.</a:t>
            </a:r>
          </a:p>
        </p:txBody>
      </p:sp>
      <p:sp>
        <p:nvSpPr>
          <p:cNvPr id="17" name="Oval 16">
            <a:extLst>
              <a:ext uri="{FF2B5EF4-FFF2-40B4-BE49-F238E27FC236}">
                <a16:creationId xmlns:a16="http://schemas.microsoft.com/office/drawing/2014/main" id="{F54E1F8B-EE70-2B6B-603E-1CA015D9E268}"/>
              </a:ext>
            </a:extLst>
          </p:cNvPr>
          <p:cNvSpPr/>
          <p:nvPr/>
        </p:nvSpPr>
        <p:spPr>
          <a:xfrm>
            <a:off x="4216838" y="2353692"/>
            <a:ext cx="504000" cy="504000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8A734357-F86A-242D-B39B-262E561F27E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264538" y="3596454"/>
            <a:ext cx="3662923" cy="239305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cxnSp>
        <p:nvCxnSpPr>
          <p:cNvPr id="12" name="Straight Connector 11">
            <a:extLst>
              <a:ext uri="{FF2B5EF4-FFF2-40B4-BE49-F238E27FC236}">
                <a16:creationId xmlns:a16="http://schemas.microsoft.com/office/drawing/2014/main" id="{61801778-D350-264A-5340-CE52B46D9FFC}"/>
              </a:ext>
            </a:extLst>
          </p:cNvPr>
          <p:cNvCxnSpPr>
            <a:cxnSpLocks/>
          </p:cNvCxnSpPr>
          <p:nvPr/>
        </p:nvCxnSpPr>
        <p:spPr>
          <a:xfrm>
            <a:off x="4527123" y="5463166"/>
            <a:ext cx="311593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94C28401-9406-947D-CF63-3BA52BFDC113}"/>
              </a:ext>
            </a:extLst>
          </p:cNvPr>
          <p:cNvCxnSpPr>
            <a:cxnSpLocks/>
          </p:cNvCxnSpPr>
          <p:nvPr/>
        </p:nvCxnSpPr>
        <p:spPr>
          <a:xfrm flipV="1">
            <a:off x="4527123" y="5722611"/>
            <a:ext cx="1150943" cy="3148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7" name="Ans">
            <a:extLst>
              <a:ext uri="{FF2B5EF4-FFF2-40B4-BE49-F238E27FC236}">
                <a16:creationId xmlns:a16="http://schemas.microsoft.com/office/drawing/2014/main" id="{F6F7B2DA-7625-AC7C-2925-C91147B3812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262349" y="1955410"/>
            <a:ext cx="451861" cy="468000"/>
          </a:xfrm>
          <a:prstGeom prst="rect">
            <a:avLst/>
          </a:prstGeom>
        </p:spPr>
      </p:pic>
      <p:pic>
        <p:nvPicPr>
          <p:cNvPr id="8" name="Hint">
            <a:extLst>
              <a:ext uri="{FF2B5EF4-FFF2-40B4-BE49-F238E27FC236}">
                <a16:creationId xmlns:a16="http://schemas.microsoft.com/office/drawing/2014/main" id="{F2154CCD-49B0-EA7E-8756-6E2A571D3020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245922" y="2561568"/>
            <a:ext cx="484714" cy="46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065587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</p:bld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564A0376-F3E5-693A-8E2A-E6F5546A9D0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264609" y="3429000"/>
            <a:ext cx="3662782" cy="276301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86015BF1-4851-2877-954B-7001AB0F9EC3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alphaModFix/>
          </a:blip>
          <a:srcRect t="73407" b="-1569"/>
          <a:stretch/>
        </p:blipFill>
        <p:spPr>
          <a:xfrm>
            <a:off x="688190" y="1961064"/>
            <a:ext cx="8519050" cy="874714"/>
          </a:xfrm>
          <a:prstGeom prst="rect">
            <a:avLst/>
          </a:prstGeom>
        </p:spPr>
      </p:pic>
      <p:sp>
        <p:nvSpPr>
          <p:cNvPr id="17" name="Oval 16">
            <a:extLst>
              <a:ext uri="{FF2B5EF4-FFF2-40B4-BE49-F238E27FC236}">
                <a16:creationId xmlns:a16="http://schemas.microsoft.com/office/drawing/2014/main" id="{F54E1F8B-EE70-2B6B-603E-1CA015D9E268}"/>
              </a:ext>
            </a:extLst>
          </p:cNvPr>
          <p:cNvSpPr/>
          <p:nvPr/>
        </p:nvSpPr>
        <p:spPr>
          <a:xfrm>
            <a:off x="1079039" y="2376389"/>
            <a:ext cx="504000" cy="504000"/>
          </a:xfrm>
          <a:prstGeom prst="ellipse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cxnSp>
        <p:nvCxnSpPr>
          <p:cNvPr id="10" name="Straight Connector 9">
            <a:extLst>
              <a:ext uri="{FF2B5EF4-FFF2-40B4-BE49-F238E27FC236}">
                <a16:creationId xmlns:a16="http://schemas.microsoft.com/office/drawing/2014/main" id="{D0AFA71B-774A-01EC-223C-2D495A749A82}"/>
              </a:ext>
            </a:extLst>
          </p:cNvPr>
          <p:cNvCxnSpPr>
            <a:cxnSpLocks/>
          </p:cNvCxnSpPr>
          <p:nvPr/>
        </p:nvCxnSpPr>
        <p:spPr>
          <a:xfrm>
            <a:off x="4435687" y="5364869"/>
            <a:ext cx="3312000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" name="矩形 20">
            <a:extLst>
              <a:ext uri="{FF2B5EF4-FFF2-40B4-BE49-F238E27FC236}">
                <a16:creationId xmlns:a16="http://schemas.microsoft.com/office/drawing/2014/main" id="{7D529F53-4D12-E09F-DCF0-E0185E120E49}"/>
              </a:ext>
            </a:extLst>
          </p:cNvPr>
          <p:cNvSpPr/>
          <p:nvPr/>
        </p:nvSpPr>
        <p:spPr>
          <a:xfrm>
            <a:off x="0" y="-1"/>
            <a:ext cx="12192000" cy="1260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 eaLnBrk="1" hangingPunct="1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Now, let’s answer some questions.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B8989B44-9935-E4DA-5432-3A59B9DB3DCE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1" b="88644"/>
          <a:stretch/>
        </p:blipFill>
        <p:spPr>
          <a:xfrm>
            <a:off x="688190" y="1534585"/>
            <a:ext cx="8519050" cy="352686"/>
          </a:xfrm>
          <a:prstGeom prst="rect">
            <a:avLst/>
          </a:prstGeom>
        </p:spPr>
      </p:pic>
      <p:pic>
        <p:nvPicPr>
          <p:cNvPr id="6" name="Ans">
            <a:extLst>
              <a:ext uri="{FF2B5EF4-FFF2-40B4-BE49-F238E27FC236}">
                <a16:creationId xmlns:a16="http://schemas.microsoft.com/office/drawing/2014/main" id="{40309E5C-5693-7212-1C55-DE5CE1020548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262349" y="1955410"/>
            <a:ext cx="451861" cy="468000"/>
          </a:xfrm>
          <a:prstGeom prst="rect">
            <a:avLst/>
          </a:prstGeom>
        </p:spPr>
      </p:pic>
      <p:pic>
        <p:nvPicPr>
          <p:cNvPr id="8" name="Hint">
            <a:extLst>
              <a:ext uri="{FF2B5EF4-FFF2-40B4-BE49-F238E27FC236}">
                <a16:creationId xmlns:a16="http://schemas.microsoft.com/office/drawing/2014/main" id="{9D75D3A5-ECFD-4451-0B79-830FFDAB463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245922" y="2561568"/>
            <a:ext cx="484714" cy="46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318204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</p:bld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939231737"/>
      </p:ext>
    </p:extLst>
  </p:cSld>
  <p:clrMapOvr>
    <a:masterClrMapping/>
  </p:clrMapOvr>
  <p:transition spd="slow">
    <p:push dir="u"/>
  </p:transition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A poster is a large sheet of paper.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People often put it on a wall.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6927D623-B460-895C-852D-3392BCECFC8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2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11" name="Group 10">
            <a:extLst>
              <a:ext uri="{FF2B5EF4-FFF2-40B4-BE49-F238E27FC236}">
                <a16:creationId xmlns:a16="http://schemas.microsoft.com/office/drawing/2014/main" id="{C53EFC82-9EEA-1308-28FB-2DE07F91D2F8}"/>
              </a:ext>
            </a:extLst>
          </p:cNvPr>
          <p:cNvGrpSpPr/>
          <p:nvPr/>
        </p:nvGrpSpPr>
        <p:grpSpPr>
          <a:xfrm>
            <a:off x="2527448" y="1362375"/>
            <a:ext cx="7137103" cy="5376000"/>
            <a:chOff x="2527448" y="1362375"/>
            <a:chExt cx="7137103" cy="5376000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34E69FB6-81DC-7881-CAEA-8AC40FA0C3E8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/>
            <a:stretch/>
          </p:blipFill>
          <p:spPr>
            <a:xfrm>
              <a:off x="2527448" y="1362375"/>
              <a:ext cx="7137103" cy="5376000"/>
            </a:xfrm>
            <a:prstGeom prst="rect">
              <a:avLst/>
            </a:prstGeom>
            <a:effectLst>
              <a:softEdge rad="63500"/>
            </a:effectLst>
          </p:spPr>
        </p:pic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4B227B91-4B3A-6746-3444-49A2C577D589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5149543" y="2597904"/>
              <a:ext cx="1701950" cy="1662192"/>
            </a:xfrm>
            <a:prstGeom prst="rect">
              <a:avLst/>
            </a:prstGeom>
            <a:effectLst/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715883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字方塊 9"/>
          <p:cNvSpPr txBox="1">
            <a:spLocks noChangeArrowheads="1"/>
          </p:cNvSpPr>
          <p:nvPr/>
        </p:nvSpPr>
        <p:spPr bwMode="auto">
          <a:xfrm>
            <a:off x="828501" y="807981"/>
            <a:ext cx="10534999" cy="378565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GB" sz="1600" b="1" noProof="0" dirty="0">
                <a:latin typeface="+mn-lt"/>
              </a:rPr>
              <a:t>Acknowledgements</a:t>
            </a:r>
          </a:p>
          <a:p>
            <a:pPr eaLnBrk="1" hangingPunct="1">
              <a:lnSpc>
                <a:spcPct val="100000"/>
              </a:lnSpc>
              <a:buSzTx/>
            </a:pPr>
            <a:endParaRPr lang="en-GB" sz="1400" noProof="0" dirty="0">
              <a:latin typeface="+mn-lt"/>
            </a:endParaRPr>
          </a:p>
          <a:p>
            <a:pPr eaLnBrk="1" hangingPunct="1">
              <a:lnSpc>
                <a:spcPct val="100000"/>
              </a:lnSpc>
              <a:buSzTx/>
            </a:pPr>
            <a:r>
              <a:rPr lang="en-GB" sz="1400" noProof="0" dirty="0">
                <a:latin typeface="+mn-lt"/>
              </a:rPr>
              <a:t>We would like to thank the following organisations and people for permission to use their images:</a:t>
            </a:r>
          </a:p>
          <a:p>
            <a:pPr>
              <a:lnSpc>
                <a:spcPct val="100000"/>
              </a:lnSpc>
            </a:pPr>
            <a:endParaRPr lang="en-GB" sz="1400" noProof="0" dirty="0">
              <a:latin typeface="+mn-lt"/>
            </a:endParaRPr>
          </a:p>
          <a:p>
            <a:pPr>
              <a:lnSpc>
                <a:spcPct val="100000"/>
              </a:lnSpc>
            </a:pPr>
            <a:r>
              <a:rPr lang="en-GB" sz="1400" noProof="0" dirty="0" err="1">
                <a:latin typeface="+mn-lt"/>
              </a:rPr>
              <a:t>aaltair</a:t>
            </a:r>
            <a:r>
              <a:rPr lang="en-GB" sz="1400" noProof="0" dirty="0">
                <a:latin typeface="+mn-lt"/>
              </a:rPr>
              <a:t> / Shutterstock</a:t>
            </a:r>
          </a:p>
          <a:p>
            <a:pPr>
              <a:lnSpc>
                <a:spcPct val="100000"/>
              </a:lnSpc>
            </a:pPr>
            <a:r>
              <a:rPr lang="en-GB" sz="1400" noProof="0" dirty="0">
                <a:latin typeface="+mn-lt"/>
              </a:rPr>
              <a:t>Alizada Studios / Shutterstock</a:t>
            </a:r>
          </a:p>
          <a:p>
            <a:pPr>
              <a:lnSpc>
                <a:spcPct val="100000"/>
              </a:lnSpc>
            </a:pPr>
            <a:r>
              <a:rPr lang="en-GB" sz="1400" noProof="0" dirty="0">
                <a:latin typeface="+mn-lt"/>
              </a:rPr>
              <a:t>Audrey (AI) / stock.adobe.com</a:t>
            </a:r>
          </a:p>
          <a:p>
            <a:pPr>
              <a:lnSpc>
                <a:spcPct val="100000"/>
              </a:lnSpc>
            </a:pPr>
            <a:r>
              <a:rPr lang="en-GB" sz="1400" noProof="0" dirty="0">
                <a:latin typeface="+mn-lt"/>
              </a:rPr>
              <a:t>Bernard Breton / 123RF</a:t>
            </a:r>
          </a:p>
          <a:p>
            <a:pPr>
              <a:lnSpc>
                <a:spcPct val="100000"/>
              </a:lnSpc>
            </a:pPr>
            <a:r>
              <a:rPr lang="en-GB" sz="1400" noProof="0" dirty="0">
                <a:latin typeface="+mn-lt"/>
              </a:rPr>
              <a:t>Charles Bergman / Shutterstock</a:t>
            </a:r>
          </a:p>
          <a:p>
            <a:pPr>
              <a:lnSpc>
                <a:spcPct val="100000"/>
              </a:lnSpc>
            </a:pPr>
            <a:r>
              <a:rPr lang="en-GB" sz="1400" noProof="0" dirty="0">
                <a:latin typeface="+mn-lt"/>
              </a:rPr>
              <a:t>Chris Putnam / 123RF</a:t>
            </a:r>
          </a:p>
          <a:p>
            <a:pPr>
              <a:lnSpc>
                <a:spcPct val="100000"/>
              </a:lnSpc>
            </a:pPr>
            <a:r>
              <a:rPr lang="en-GB" sz="1400" noProof="0" dirty="0" err="1">
                <a:latin typeface="+mn-lt"/>
              </a:rPr>
              <a:t>famveldman</a:t>
            </a:r>
            <a:r>
              <a:rPr lang="en-GB" sz="1400" noProof="0" dirty="0">
                <a:latin typeface="+mn-lt"/>
              </a:rPr>
              <a:t> / 123RF</a:t>
            </a:r>
          </a:p>
          <a:p>
            <a:pPr>
              <a:lnSpc>
                <a:spcPct val="100000"/>
              </a:lnSpc>
            </a:pPr>
            <a:r>
              <a:rPr lang="en-GB" sz="1400" noProof="0" dirty="0">
                <a:latin typeface="+mn-lt"/>
              </a:rPr>
              <a:t>Hung Chung Chih / Shutterstock</a:t>
            </a:r>
          </a:p>
          <a:p>
            <a:pPr>
              <a:lnSpc>
                <a:spcPct val="100000"/>
              </a:lnSpc>
            </a:pPr>
            <a:r>
              <a:rPr lang="en-GB" sz="1400" noProof="0" dirty="0" err="1">
                <a:latin typeface="+mn-lt"/>
              </a:rPr>
              <a:t>Kmannn</a:t>
            </a:r>
            <a:r>
              <a:rPr lang="en-GB" sz="1400" noProof="0" dirty="0">
                <a:latin typeface="+mn-lt"/>
              </a:rPr>
              <a:t> / Shutterstock</a:t>
            </a:r>
          </a:p>
          <a:p>
            <a:pPr>
              <a:lnSpc>
                <a:spcPct val="100000"/>
              </a:lnSpc>
            </a:pPr>
            <a:r>
              <a:rPr lang="en-GB" sz="1400" noProof="0" dirty="0" err="1">
                <a:latin typeface="+mn-lt"/>
              </a:rPr>
              <a:t>Macrovector</a:t>
            </a:r>
            <a:r>
              <a:rPr lang="en-GB" sz="1400" noProof="0" dirty="0">
                <a:latin typeface="+mn-lt"/>
              </a:rPr>
              <a:t> / stock.adobe.com</a:t>
            </a:r>
          </a:p>
          <a:p>
            <a:pPr>
              <a:lnSpc>
                <a:spcPct val="100000"/>
              </a:lnSpc>
            </a:pPr>
            <a:r>
              <a:rPr lang="en-GB" sz="1400" noProof="0" dirty="0">
                <a:latin typeface="+mn-lt"/>
              </a:rPr>
              <a:t>Passakorn </a:t>
            </a:r>
            <a:r>
              <a:rPr lang="en-GB" sz="1400" noProof="0" dirty="0" err="1">
                <a:latin typeface="+mn-lt"/>
              </a:rPr>
              <a:t>Umpornmaha</a:t>
            </a:r>
            <a:r>
              <a:rPr lang="en-GB" sz="1400" noProof="0" dirty="0">
                <a:latin typeface="+mn-lt"/>
              </a:rPr>
              <a:t> / Shutterstock</a:t>
            </a:r>
          </a:p>
          <a:p>
            <a:pPr>
              <a:lnSpc>
                <a:spcPct val="100000"/>
              </a:lnSpc>
            </a:pPr>
            <a:r>
              <a:rPr lang="en-GB" sz="1400" noProof="0" dirty="0">
                <a:latin typeface="+mn-lt"/>
              </a:rPr>
              <a:t>Vitalii </a:t>
            </a:r>
            <a:r>
              <a:rPr lang="en-GB" sz="1400" noProof="0" dirty="0" err="1">
                <a:latin typeface="+mn-lt"/>
              </a:rPr>
              <a:t>Krasnoselskyi</a:t>
            </a:r>
            <a:r>
              <a:rPr lang="en-GB" sz="1400" noProof="0" dirty="0">
                <a:latin typeface="+mn-lt"/>
              </a:rPr>
              <a:t> / 123RF</a:t>
            </a:r>
          </a:p>
          <a:p>
            <a:pPr>
              <a:lnSpc>
                <a:spcPct val="100000"/>
              </a:lnSpc>
            </a:pPr>
            <a:r>
              <a:rPr lang="en-GB" sz="1400" noProof="0" dirty="0" err="1">
                <a:latin typeface="+mn-lt"/>
              </a:rPr>
              <a:t>Yiu</a:t>
            </a:r>
            <a:r>
              <a:rPr lang="en-GB" sz="1400" noProof="0" dirty="0">
                <a:latin typeface="+mn-lt"/>
              </a:rPr>
              <a:t> Tung Lee / 123RF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178627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t may give us information about a place.</a:t>
            </a:r>
          </a:p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Like this poster, it gives us information about a zoo.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6927D623-B460-895C-852D-3392BCECFC8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5" name="Group 4">
            <a:extLst>
              <a:ext uri="{FF2B5EF4-FFF2-40B4-BE49-F238E27FC236}">
                <a16:creationId xmlns:a16="http://schemas.microsoft.com/office/drawing/2014/main" id="{7CE5380E-9A89-0F02-9308-5EA0DF8A0701}"/>
              </a:ext>
            </a:extLst>
          </p:cNvPr>
          <p:cNvGrpSpPr/>
          <p:nvPr/>
        </p:nvGrpSpPr>
        <p:grpSpPr>
          <a:xfrm>
            <a:off x="2527448" y="1362375"/>
            <a:ext cx="7137103" cy="5376000"/>
            <a:chOff x="2527448" y="1362375"/>
            <a:chExt cx="7137103" cy="5376000"/>
          </a:xfrm>
        </p:grpSpPr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CF7E2F15-4F37-5954-8AF0-82A82B4A1016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rcRect/>
            <a:stretch/>
          </p:blipFill>
          <p:spPr>
            <a:xfrm>
              <a:off x="2527448" y="1362375"/>
              <a:ext cx="7137103" cy="5376000"/>
            </a:xfrm>
            <a:prstGeom prst="rect">
              <a:avLst/>
            </a:prstGeom>
            <a:effectLst>
              <a:softEdge rad="63500"/>
            </a:effectLst>
          </p:spPr>
        </p:pic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CAC32E46-2C54-0AAD-4425-8969CD90B49B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5149543" y="2597904"/>
              <a:ext cx="1701950" cy="1662192"/>
            </a:xfrm>
            <a:prstGeom prst="rect">
              <a:avLst/>
            </a:prstGeom>
            <a:effectLst/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23325543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To attract readers, a poster usually has a </a:t>
            </a:r>
            <a:r>
              <a:rPr kumimoji="0" lang="en-GB" sz="3200" b="1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big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 </a:t>
            </a:r>
            <a:r>
              <a:rPr kumimoji="0" lang="en-GB" sz="3200" b="1" noProof="0" dirty="0">
                <a:solidFill>
                  <a:srgbClr val="FFED00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heading</a:t>
            </a: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.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6927D623-B460-895C-852D-3392BCECFC8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06543593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867F6DF8-C973-B16B-D0D0-5B838E2FECA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at is the name of the zoo?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4EA496FA-C62F-38F2-6FDE-409AC872134E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pic>
        <p:nvPicPr>
          <p:cNvPr id="15" name="Picture 14">
            <a:extLst>
              <a:ext uri="{FF2B5EF4-FFF2-40B4-BE49-F238E27FC236}">
                <a16:creationId xmlns:a16="http://schemas.microsoft.com/office/drawing/2014/main" id="{72F3AD03-CCC9-3228-84EC-585EE9926817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457" t="2302" r="13311" b="80796"/>
          <a:stretch/>
        </p:blipFill>
        <p:spPr>
          <a:xfrm>
            <a:off x="3468947" y="1435369"/>
            <a:ext cx="5394387" cy="116810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1" name="Oval 10">
            <a:extLst>
              <a:ext uri="{FF2B5EF4-FFF2-40B4-BE49-F238E27FC236}">
                <a16:creationId xmlns:a16="http://schemas.microsoft.com/office/drawing/2014/main" id="{92C1BD03-D5EC-3D08-698C-852B8A0C3740}"/>
              </a:ext>
            </a:extLst>
          </p:cNvPr>
          <p:cNvSpPr/>
          <p:nvPr/>
        </p:nvSpPr>
        <p:spPr>
          <a:xfrm>
            <a:off x="4685394" y="1404746"/>
            <a:ext cx="2519243" cy="664040"/>
          </a:xfrm>
          <a:prstGeom prst="ellipse">
            <a:avLst/>
          </a:prstGeom>
          <a:noFill/>
          <a:ln w="19050">
            <a:solidFill>
              <a:srgbClr val="00B0F0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95224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11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1CEFD7AA-5B46-D721-DD8B-8D23A55FAA9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Why does Sunny Zoo put up this poster?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4EA496FA-C62F-38F2-6FDE-409AC872134E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pic>
        <p:nvPicPr>
          <p:cNvPr id="9" name="Picture 8">
            <a:extLst>
              <a:ext uri="{FF2B5EF4-FFF2-40B4-BE49-F238E27FC236}">
                <a16:creationId xmlns:a16="http://schemas.microsoft.com/office/drawing/2014/main" id="{1EF10F53-5946-71CB-D7F6-75092D644823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457" t="2302" r="13311" b="80796"/>
          <a:stretch/>
        </p:blipFill>
        <p:spPr>
          <a:xfrm>
            <a:off x="3468947" y="1435369"/>
            <a:ext cx="5394387" cy="116810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1" name="Oval 10">
            <a:extLst>
              <a:ext uri="{FF2B5EF4-FFF2-40B4-BE49-F238E27FC236}">
                <a16:creationId xmlns:a16="http://schemas.microsoft.com/office/drawing/2014/main" id="{92C1BD03-D5EC-3D08-698C-852B8A0C3740}"/>
              </a:ext>
            </a:extLst>
          </p:cNvPr>
          <p:cNvSpPr/>
          <p:nvPr/>
        </p:nvSpPr>
        <p:spPr>
          <a:xfrm>
            <a:off x="4368005" y="1928443"/>
            <a:ext cx="4495329" cy="787835"/>
          </a:xfrm>
          <a:prstGeom prst="ellipse">
            <a:avLst/>
          </a:prstGeom>
          <a:noFill/>
          <a:ln w="19050">
            <a:solidFill>
              <a:srgbClr val="00B0F0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5122733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>
            <a:extLst>
              <a:ext uri="{FF2B5EF4-FFF2-40B4-BE49-F238E27FC236}">
                <a16:creationId xmlns:a16="http://schemas.microsoft.com/office/drawing/2014/main" id="{45DEF465-F138-3C93-1006-DBD6312B481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369063" y="1435371"/>
            <a:ext cx="5453874" cy="532647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矩形 20">
            <a:extLst>
              <a:ext uri="{FF2B5EF4-FFF2-40B4-BE49-F238E27FC236}">
                <a16:creationId xmlns:a16="http://schemas.microsoft.com/office/drawing/2014/main" id="{01A3C707-8814-4F2D-9CA2-92D3DCF2FC9B}"/>
              </a:ext>
            </a:extLst>
          </p:cNvPr>
          <p:cNvSpPr/>
          <p:nvPr/>
        </p:nvSpPr>
        <p:spPr>
          <a:xfrm>
            <a:off x="0" y="-2"/>
            <a:ext cx="12192000" cy="1260000"/>
          </a:xfrm>
          <a:prstGeom prst="rect">
            <a:avLst/>
          </a:prstGeom>
          <a:solidFill>
            <a:srgbClr val="00AB4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>
            <a:lvl1pPr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Calibri" pitchFamily="34" charset="0"/>
                <a:ea typeface="新細明體" charset="-120"/>
              </a:defRPr>
            </a:lvl9pPr>
          </a:lstStyle>
          <a:p>
            <a:pPr algn="ctr">
              <a:defRPr/>
            </a:pPr>
            <a:r>
              <a:rPr kumimoji="0" lang="en-GB" sz="3200" b="1" noProof="0" dirty="0">
                <a:solidFill>
                  <a:schemeClr val="bg1"/>
                </a:solidFill>
                <a:ea typeface="Arial Unicode MS" panose="020B0604020202020204" pitchFamily="34" charset="-120"/>
                <a:cs typeface="Arial" panose="020B0604020202020204" pitchFamily="34" charset="0"/>
              </a:rPr>
              <a:t>It wants people to come and see its new stars!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4EA496FA-C62F-38F2-6FDE-409AC872134E}"/>
              </a:ext>
            </a:extLst>
          </p:cNvPr>
          <p:cNvSpPr/>
          <p:nvPr/>
        </p:nvSpPr>
        <p:spPr>
          <a:xfrm>
            <a:off x="2353234" y="1405218"/>
            <a:ext cx="8907314" cy="5452782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F4133435-991A-6BC4-3EB4-FB07684961E1}"/>
              </a:ext>
            </a:extLst>
          </p:cNvPr>
          <p:cNvGrpSpPr/>
          <p:nvPr/>
        </p:nvGrpSpPr>
        <p:grpSpPr>
          <a:xfrm>
            <a:off x="8045668" y="1572193"/>
            <a:ext cx="2979520" cy="806526"/>
            <a:chOff x="8052063" y="2243605"/>
            <a:chExt cx="2979520" cy="806526"/>
          </a:xfrm>
        </p:grpSpPr>
        <p:sp>
          <p:nvSpPr>
            <p:cNvPr id="6" name="Right Bracket 5">
              <a:extLst>
                <a:ext uri="{FF2B5EF4-FFF2-40B4-BE49-F238E27FC236}">
                  <a16:creationId xmlns:a16="http://schemas.microsoft.com/office/drawing/2014/main" id="{AC222B29-9869-B700-9A94-BFAA55BADE87}"/>
                </a:ext>
              </a:extLst>
            </p:cNvPr>
            <p:cNvSpPr/>
            <p:nvPr/>
          </p:nvSpPr>
          <p:spPr>
            <a:xfrm>
              <a:off x="8052063" y="2243605"/>
              <a:ext cx="119627" cy="806526"/>
            </a:xfrm>
            <a:prstGeom prst="rightBracket">
              <a:avLst>
                <a:gd name="adj" fmla="val 0"/>
              </a:avLst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GB" noProof="0" dirty="0"/>
            </a:p>
          </p:txBody>
        </p:sp>
        <p:cxnSp>
          <p:nvCxnSpPr>
            <p:cNvPr id="7" name="Straight Connector 6">
              <a:extLst>
                <a:ext uri="{FF2B5EF4-FFF2-40B4-BE49-F238E27FC236}">
                  <a16:creationId xmlns:a16="http://schemas.microsoft.com/office/drawing/2014/main" id="{A6A92960-CABE-9E5A-2C1F-84D6D3E51E4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8171690" y="2646868"/>
              <a:ext cx="933399" cy="0"/>
            </a:xfrm>
            <a:prstGeom prst="line">
              <a:avLst/>
            </a:prstGeom>
            <a:ln w="12700">
              <a:solidFill>
                <a:srgbClr val="18A74B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" name="圓角矩形 10">
              <a:extLst>
                <a:ext uri="{FF2B5EF4-FFF2-40B4-BE49-F238E27FC236}">
                  <a16:creationId xmlns:a16="http://schemas.microsoft.com/office/drawing/2014/main" id="{871D9814-EF94-AD48-8A34-DA5CD2497E82}"/>
                </a:ext>
              </a:extLst>
            </p:cNvPr>
            <p:cNvSpPr/>
            <p:nvPr/>
          </p:nvSpPr>
          <p:spPr>
            <a:xfrm>
              <a:off x="9105089" y="2252949"/>
              <a:ext cx="1926494" cy="787838"/>
            </a:xfrm>
            <a:prstGeom prst="roundRect">
              <a:avLst>
                <a:gd name="adj" fmla="val 9436"/>
              </a:avLst>
            </a:prstGeom>
            <a:solidFill>
              <a:schemeClr val="bg1"/>
            </a:solidFill>
            <a:ln>
              <a:solidFill>
                <a:srgbClr val="18A74B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r>
                <a:rPr lang="en-GB" sz="2200" noProof="0" dirty="0">
                  <a:solidFill>
                    <a:schemeClr val="tx1"/>
                  </a:solidFill>
                </a:rPr>
                <a:t>Big heading to attract readers</a:t>
              </a:r>
            </a:p>
          </p:txBody>
        </p:sp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9C7EBEA8-D6D7-16C8-1EEE-F5A8ECEB4FF3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457" t="2302" r="13311" b="80796"/>
          <a:stretch/>
        </p:blipFill>
        <p:spPr>
          <a:xfrm>
            <a:off x="3468947" y="1435369"/>
            <a:ext cx="5394387" cy="1168107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2" name="Oval 11">
            <a:extLst>
              <a:ext uri="{FF2B5EF4-FFF2-40B4-BE49-F238E27FC236}">
                <a16:creationId xmlns:a16="http://schemas.microsoft.com/office/drawing/2014/main" id="{9EDD0030-C891-EF17-0F96-CA8E9894E1C2}"/>
              </a:ext>
            </a:extLst>
          </p:cNvPr>
          <p:cNvSpPr/>
          <p:nvPr/>
        </p:nvSpPr>
        <p:spPr>
          <a:xfrm>
            <a:off x="4368005" y="1928443"/>
            <a:ext cx="4495329" cy="787835"/>
          </a:xfrm>
          <a:prstGeom prst="ellipse">
            <a:avLst/>
          </a:prstGeom>
          <a:noFill/>
          <a:ln w="19050">
            <a:solidFill>
              <a:srgbClr val="00B0F0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noProof="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4788924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2a_c3_p33_tt_01"/>
  <p:tag name="ISPRING_LMS_API_VERSION" val="SCORM 2004 (4th edition)"/>
  <p:tag name="ISPRING_ULTRA_SCORM_COURSE_ID" val="ADD00F68-76C9-49DF-BF83-7F4F299E08E7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PLE3E 1B Chapter 4 Text type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1B\\01_SB\\03_Tagged resources&quot;],[&quot;\uFFFD_\uFFFD\u000E{5F9A7829-1E97-428D-BE66-302A644CD4A7}&quot;,&quot;C:\\Users\\HK1-UCatherineLeung\\OneDrive - Pearson PLC\\Digital\\ePub\\2A\\01_SB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SCORM_RATE_QUIZZES" val="0"/>
  <p:tag name="ISPRING_PRESENTATION_TITLE" val="PLE3E 1B Chapter 4 Text type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4D05A28-161B-4C0E-B38B-B207356CE827}:458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07F8B73-03A3-416E-8043-883C2F9085EA}:473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3555114-0AD7-41CE-88A6-D233F117F171}:475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FB83448-899C-4AC9-85D3-9CBF2F57E916}:485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1FA95B7-406F-4B7C-8A16-2EB3C4C0CC8B}:45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7860C96-2ECA-48A3-A3B5-022C70F518A6}:474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DA781C-18D9-4D47-AFBB-4ADB66B5129F}:460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C3E77F-6265-4878-BED1-1257E3E1036B}:463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02D39B-E82E-42FC-B1D3-274559099D9A}:464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BF0AC56-B4E2-4FF7-A42C-61AE84056B3C}:46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40F0B77-4478-42B1-A9A8-80BF1ADDE8B1}:25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657131C-40ED-4BC4-A3D1-71C1B5CD7823}:46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E476C8D-26B2-4CE4-BDBB-8FEC03B1FCE2}:466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4B1EF41-CFA1-4EC2-9AB4-448792D7E572}:462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77E93CB-4C47-4B67-B385-FAB57BA89994}:467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0EF58E-D5A7-4882-B697-83A57976E79B}:468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612D97-4DED-4A2C-B274-532138FDBF49}:488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47CDE14-AEE7-42DE-B95D-1A0ADAEB5641}:483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CB0E2D3-CA82-4E9E-BD7C-A09AB09EC7C2}:482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3C5E12-E688-4306-A19D-62EE11534091}:486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CD596AE-5F7D-4013-9E4D-6FCC146E1F07}:48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C41D74-B9B4-4C52-B0D1-0A03A58994C1}:288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4A0FBA7-10CC-4FD5-9D79-12D05A07D0A2}:469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C1E9D3C-BCE0-421C-95AE-19A6968017E6}:470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66172FE-5B8B-4FA8-B0B5-962645A0FA56}:47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B4B7CBB-7EBC-463B-AF4C-2D8A78292D12}:472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852F811-6F13-4B94-8CE2-7DB914A605B9}:476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80544C1-327C-4D61-B00E-5661C0361E15}:478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F18EB6F-5996-44D3-B96F-21C664B063F1}:479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93186E1-9F32-45D2-BEF3-A2FD319DF651}:303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ED5690E-4A9A-419D-B01B-BD1EF8BD21CB}:480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6FAF875-7419-4A04-8527-03E3D46EDFD1}:48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4C0982-B88D-4EDE-A775-B8EC341E295B}:484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CB03B0-D903-45E7-817A-FEAD3A637F06}:258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DF0C82C-8884-4D79-ADC5-2D318C0CC8AC}:35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6077291-DFB6-4AEE-8C40-722567C29861}:453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9D24097-1A9C-4679-8EDB-F1652B160E43}:454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7645DEB-0FAF-43A1-A1D5-ED70D6A22B4B}:455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F5BFBD-70E6-4B47-B954-957F55F520BC}:456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D4E2CB9-B157-452B-9D60-87C06F7E1927}:457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noFill/>
        <a:ln>
          <a:solidFill>
            <a:srgbClr val="18A74B"/>
          </a:solidFill>
        </a:ln>
        <a:effectLst/>
      </a:spPr>
      <a:bodyPr rtlCol="0" anchor="ctr"/>
      <a:lstStyle>
        <a:defPPr algn="ctr">
          <a:defRPr/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ea194019-af41-4f5f-90aa-3f3df5d17659" xsi:nil="true"/>
    <lcf76f155ced4ddcb4097134ff3c332f xmlns="6a719dc3-2774-4bb3-bd51-e2fea1f33844">
      <Terms xmlns="http://schemas.microsoft.com/office/infopath/2007/PartnerControls"/>
    </lcf76f155ced4ddcb4097134ff3c332f>
  </documentManagement>
</p:properties>
</file>

<file path=customXml/itemProps1.xml><?xml version="1.0" encoding="utf-8"?>
<ds:datastoreItem xmlns:ds="http://schemas.openxmlformats.org/officeDocument/2006/customXml" ds:itemID="{836AB7A7-63C6-420A-97B9-40F491DFF13D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FD73D9DA-505F-45CE-99C9-9EC554C7A7F2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839478A4-6733-4EDD-887F-E090DF25EF7F}">
  <ds:schemaRefs>
    <ds:schemaRef ds:uri="http://purl.org/dc/elements/1.1/"/>
    <ds:schemaRef ds:uri="http://www.w3.org/XML/1998/namespace"/>
    <ds:schemaRef ds:uri="6a719dc3-2774-4bb3-bd51-e2fea1f33844"/>
    <ds:schemaRef ds:uri="http://schemas.microsoft.com/office/2006/documentManagement/types"/>
    <ds:schemaRef ds:uri="http://purl.org/dc/terms/"/>
    <ds:schemaRef ds:uri="http://schemas.microsoft.com/office/infopath/2007/PartnerControls"/>
    <ds:schemaRef ds:uri="http://schemas.microsoft.com/office/2006/metadata/properties"/>
    <ds:schemaRef ds:uri="http://schemas.openxmlformats.org/package/2006/metadata/core-properties"/>
    <ds:schemaRef ds:uri="ea194019-af41-4f5f-90aa-3f3df5d17659"/>
    <ds:schemaRef ds:uri="http://purl.org/dc/dcmitype/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1620</TotalTime>
  <Words>883</Words>
  <Application>Microsoft Office PowerPoint</Application>
  <PresentationFormat>Widescreen</PresentationFormat>
  <Paragraphs>171</Paragraphs>
  <Slides>40</Slides>
  <Notes>40</Notes>
  <HiddenSlides>0</HiddenSlides>
  <MMClips>3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0</vt:i4>
      </vt:variant>
    </vt:vector>
  </HeadingPairs>
  <TitlesOfParts>
    <vt:vector size="49" baseType="lpstr">
      <vt:lpstr>Arial Unicode MS</vt:lpstr>
      <vt:lpstr>Arial</vt:lpstr>
      <vt:lpstr>Calibri</vt:lpstr>
      <vt:lpstr>Calibri Light</vt:lpstr>
      <vt:lpstr>Candara</vt:lpstr>
      <vt:lpstr>Comic Sans MS</vt:lpstr>
      <vt:lpstr>Open Sans ExtraBold</vt:lpstr>
      <vt:lpstr>Verdana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© Pearson Education Asia Limit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1B Chapter 4 Text type PPT</dc:title>
  <dc:creator>© Pearson Education Asia Limited</dc:creator>
  <cp:lastModifiedBy>Catherine Leung</cp:lastModifiedBy>
  <cp:revision>7</cp:revision>
  <dcterms:created xsi:type="dcterms:W3CDTF">2022-06-28T08:29:12Z</dcterms:created>
  <dcterms:modified xsi:type="dcterms:W3CDTF">2025-10-10T01:15:1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  <property fmtid="{D5CDD505-2E9C-101B-9397-08002B2CF9AE}" pid="4" name="Order">
    <vt:r8>45636500</vt:r8>
  </property>
  <property fmtid="{D5CDD505-2E9C-101B-9397-08002B2CF9AE}" pid="5" name="xd_Signature">
    <vt:bool>false</vt:bool>
  </property>
  <property fmtid="{D5CDD505-2E9C-101B-9397-08002B2CF9AE}" pid="6" name="xd_ProgID">
    <vt:lpwstr/>
  </property>
  <property fmtid="{D5CDD505-2E9C-101B-9397-08002B2CF9AE}" pid="7" name="TriggerFlowInfo">
    <vt:lpwstr/>
  </property>
  <property fmtid="{D5CDD505-2E9C-101B-9397-08002B2CF9AE}" pid="8" name="ComplianceAssetId">
    <vt:lpwstr/>
  </property>
  <property fmtid="{D5CDD505-2E9C-101B-9397-08002B2CF9AE}" pid="9" name="TemplateUrl">
    <vt:lpwstr/>
  </property>
  <property fmtid="{D5CDD505-2E9C-101B-9397-08002B2CF9AE}" pid="10" name="_ExtendedDescription">
    <vt:lpwstr/>
  </property>
</Properties>
</file>